
<file path=[Content_Types].xml><?xml version="1.0" encoding="utf-8"?>
<Types xmlns="http://schemas.openxmlformats.org/package/2006/content-types">
  <Override PartName="/_rels/.rels" ContentType="application/vnd.openxmlformats-package.relationships+xml"/>
  <Override PartName="/docProps/app.xml" ContentType="application/vnd.openxmlformats-officedocument.extended-properties+xml"/>
  <Override PartName="/docProps/core.xml" ContentType="application/vnd.openxmlformats-package.core-properties+xml"/>
  <Override PartName="/xl/_rels/workbook.xml.rels" ContentType="application/vnd.openxmlformats-package.relationships+xml"/>
  <Override PartName="/xl/drawings/drawing1.xml" ContentType="application/vnd.openxmlformats-officedocument.drawing+xml"/>
  <Override PartName="/xl/sharedStrings.xml" ContentType="application/vnd.openxmlformats-officedocument.spreadsheetml.sharedStrings+xml"/>
  <Override PartName="/xl/worksheets/_rels/sheet3.xml.rels" ContentType="application/vnd.openxmlformats-package.relationships+xml"/>
  <Override PartName="/xl/worksheets/sheet3.xml" ContentType="application/vnd.openxmlformats-officedocument.spreadsheetml.worksheet+xml"/>
  <Override PartName="/xl/worksheets/sheet2.xml" ContentType="application/vnd.openxmlformats-officedocument.spreadsheetml.worksheet+xml"/>
  <Override PartName="/xl/worksheets/sheet1.xml" ContentType="application/vnd.openxmlformats-officedocument.spreadsheetml.worksheet+xml"/>
  <Override PartName="/xl/styles.xml" ContentType="application/vnd.openxmlformats-officedocument.spreadsheetml.styles+xml"/>
  <Override PartName="/xl/workbook.xml" ContentType="application/vnd.openxmlformats-officedocument.spreadsheetml.sheet.main+xml"/>
</Types>
</file>

<file path=_rels/.rels><?xml version="1.0" encoding="UTF-8"?>
<Relationships xmlns="http://schemas.openxmlformats.org/package/2006/relationships"><Relationship Id="rId1" Type="http://schemas.openxmlformats.org/officeDocument/2006/relationships/officeDocument" Target="xl/workbook.xml"/><Relationship Id="rId2" Type="http://schemas.openxmlformats.org/package/2006/relationships/metadata/core-properties" Target="docProps/core.xml"/><Relationship Id="rId3" Type="http://schemas.openxmlformats.org/officeDocument/2006/relationships/extended-properties" Target="docProps/app.xml"/>
</Relationships>
</file>

<file path=xl/workbook.xml><?xml version="1.0" encoding="utf-8"?>
<workbook xmlns="http://schemas.openxmlformats.org/spreadsheetml/2006/main" xmlns:r="http://schemas.openxmlformats.org/officeDocument/2006/relationships">
  <fileVersion appName="Calc"/>
  <workbookPr backupFile="false" showObjects="all" date1904="false"/>
  <workbookProtection/>
  <bookViews>
    <workbookView showHorizontalScroll="true" showVerticalScroll="true" showSheetTabs="true" xWindow="0" yWindow="0" windowWidth="16384" windowHeight="8192" tabRatio="699" firstSheet="0" activeTab="2"/>
  </bookViews>
  <sheets>
    <sheet name="PCI DSS 3.1 Requirements" sheetId="1" state="visible" r:id="rId2"/>
    <sheet name="Supported OS" sheetId="2" state="visible" r:id="rId3"/>
    <sheet name="Rules" sheetId="3" state="visible" r:id="rId4"/>
  </sheets>
  <definedNames>
    <definedName function="false" hidden="true" localSheetId="2" name="_xlnm._FilterDatabase" vbProcedure="false">Rules!$A$1:$F$3779</definedName>
    <definedName function="false" hidden="false" localSheetId="2" name="_xlnm._FilterDatabase" vbProcedure="false">Rules!$A$1:$F$3779</definedName>
    <definedName function="false" hidden="false" localSheetId="2" name="_xlnm._FilterDatabase_0" vbProcedure="false">Rules!$A$1:$F$3779</definedName>
  </definedNames>
  <calcPr iterateCount="100" refMode="A1" iterate="false" iterateDelta="0.0001"/>
</workbook>
</file>

<file path=xl/sharedStrings.xml><?xml version="1.0" encoding="utf-8"?>
<sst xmlns="http://schemas.openxmlformats.org/spreadsheetml/2006/main" count="15223" uniqueCount="3629">
  <si>
    <t>PCI DSS 3.1 Requirements  - vSphere 6 package</t>
  </si>
  <si>
    <t>PCI DSS 3.1 Requirements  - *NIX package</t>
  </si>
  <si>
    <t>PCI DSS 3.1 Requirements  - Windows package</t>
  </si>
  <si>
    <t>PCI DSS 3.1 Requirements  - vSphere 5.x packages</t>
  </si>
  <si>
    <t>1.1.4 Requirements for a firewall</t>
  </si>
  <si>
    <t>1.2.1.b Restrict inbound and outbound traffic</t>
  </si>
  <si>
    <t>1.2.1 Restrict inbound and outbound traffic</t>
  </si>
  <si>
    <t>1.3.5 Verify outbound traffic authorization</t>
  </si>
  <si>
    <t>1.3 Prohibit direct public access to internet</t>
  </si>
  <si>
    <t>2.2.a Verify system configuration</t>
  </si>
  <si>
    <t>2.1.1.b SNMP Configuration</t>
  </si>
  <si>
    <t>2.1.1.b Verify default SNMP configuration</t>
  </si>
  <si>
    <t>2.2.2.a Verify services, protocols and ports</t>
  </si>
  <si>
    <t>2.2.1 Implement only one primary function per server</t>
  </si>
  <si>
    <t>2.2.5.a Verify installed system components</t>
  </si>
  <si>
    <t>2.2.2 Enable only necessary services</t>
  </si>
  <si>
    <t>5.1 Verify anti-virus is installed</t>
  </si>
  <si>
    <t>2.2.4 Configure system security parameters</t>
  </si>
  <si>
    <t>8.1.4 Verify inactive accounts</t>
  </si>
  <si>
    <t>7.1 Limit access to system components</t>
  </si>
  <si>
    <t>4.1 Use strong cryptography</t>
  </si>
  <si>
    <t>8.5 Verify use of system accounts</t>
  </si>
  <si>
    <t>8.1.8 Timeout idle sessions</t>
  </si>
  <si>
    <t>6.2 Security Patches</t>
  </si>
  <si>
    <t>8.1.1 Verify Unique ID</t>
  </si>
  <si>
    <t>8.2.4 Verify maximum password age</t>
  </si>
  <si>
    <t>10.4 Verify time configuration</t>
  </si>
  <si>
    <t>8.2.3 Verify password complexity</t>
  </si>
  <si>
    <t>10.5.4 Write logs to internal log server</t>
  </si>
  <si>
    <t>8.1.6 Verify invalid login attempts</t>
  </si>
  <si>
    <t>8.2.5 Verify password history</t>
  </si>
  <si>
    <t>8.1.7 Verify account lockout time</t>
  </si>
  <si>
    <t>8.1.7 Verify account lockout</t>
  </si>
  <si>
    <t>8.2.1 Unreadable authentication credentials</t>
  </si>
  <si>
    <t>10.1 Verify auditing</t>
  </si>
  <si>
    <t>10.3 Verify audit event type</t>
  </si>
  <si>
    <t>10.2.1 Verify logging</t>
  </si>
  <si>
    <t>10.2.4 Verify invalid attempts are logged</t>
  </si>
  <si>
    <t>Supported OS (Both 32-bit and 64-bit)</t>
  </si>
  <si>
    <t>AIX 5.3-6.1</t>
  </si>
  <si>
    <t>AIX 7.1</t>
  </si>
  <si>
    <t>CentOS 6</t>
  </si>
  <si>
    <t>HP-UX</t>
  </si>
  <si>
    <t>OEL 6</t>
  </si>
  <si>
    <t>RHEL 5</t>
  </si>
  <si>
    <t>RHEL 6</t>
  </si>
  <si>
    <t>SLES 11</t>
  </si>
  <si>
    <t>Solaris 10</t>
  </si>
  <si>
    <t>Solaris 11</t>
  </si>
  <si>
    <t>VMware vSphere 6.0</t>
  </si>
  <si>
    <t>VMware vSphere 5.5</t>
  </si>
  <si>
    <t>VMware vSphere 5.1</t>
  </si>
  <si>
    <t>VMware vSphere 5.0</t>
  </si>
  <si>
    <t>Windows Server 2003 (DC and MS)</t>
  </si>
  <si>
    <t>Windows Server 2003 R2 (DC and MS)</t>
  </si>
  <si>
    <t>Windows Server 2008 (DC and MS)</t>
  </si>
  <si>
    <t>Windows Server 2008 R2 (DC and MS)</t>
  </si>
  <si>
    <t>Windows Server 2012 (DC and MS)</t>
  </si>
  <si>
    <t>Windows Server 2012 R2 (DC and MS)</t>
  </si>
  <si>
    <t>Windows 7</t>
  </si>
  <si>
    <t>Windows 8</t>
  </si>
  <si>
    <t>Windows 8.1</t>
  </si>
  <si>
    <t>Legends</t>
  </si>
  <si>
    <t>DC = Domain Controller</t>
  </si>
  <si>
    <t>MS = Member Server</t>
  </si>
  <si>
    <t>Rule Group Name</t>
  </si>
  <si>
    <t>Rule Name</t>
  </si>
  <si>
    <t>Rule Data Type</t>
  </si>
  <si>
    <t>Rule Description</t>
  </si>
  <si>
    <t>Column1</t>
  </si>
  <si>
    <t>Column2</t>
  </si>
  <si>
    <t>Payment Card Industry DSS 3.1 - HP-UX</t>
  </si>
  <si>
    <t>* 1.1.4 Requirements for a firewall - Configure TCP Wrappers - hosts.allow</t>
  </si>
  <si>
    <t>Custom Information</t>
  </si>
  <si>
    <t>* User Intervention Required: User should review the list of entries in hosts.allow file and ensure that it is legitimate.    This rule produces a list of hosts.allow file entries for review.</t>
  </si>
  <si>
    <t>Payment Card Industry DSS 3.1 - Solaris 10</t>
  </si>
  <si>
    <t>Payment Card Industry DSS 3.1 - Solaris 11</t>
  </si>
  <si>
    <t>Payment Card Industry DSS 3.1 - vSphere 5.0 ESXi</t>
  </si>
  <si>
    <t>* 1.1.4 Requirements for a firewall - Configure the ESXi host firewall to restrict access</t>
  </si>
  <si>
    <t>vCenter Hosts</t>
  </si>
  <si>
    <t>* User Intervention Required: User should review the range of IP addresses from which connections to enabled services are authorized and make sure it is legitimate.    This rule produces a list of IP addresses for enabled services for review.</t>
  </si>
  <si>
    <t>Payment Card Industry DSS 3.1 - vSphere 5.1 ESXi</t>
  </si>
  <si>
    <t>Payment Card Industry DSS 3.1 - vSphere 5.5 ESXi</t>
  </si>
  <si>
    <t>Payment Card Industry DSS 3.1 - SLES 11</t>
  </si>
  <si>
    <t>* 1.1.4 Requirements for a firewall - Create /etc/hosts.allow</t>
  </si>
  <si>
    <t>* User Intervention Required: User should review the hosts.allow file entries and ensure that they are legitimate.    This rule produces hosts.allow file entries for review.</t>
  </si>
  <si>
    <t>Payment Card Industry DSS 3.1 - AIX 7.1</t>
  </si>
  <si>
    <t>* 1.1.4 Requirements for a firewall - TCP Wrappers - creating a hosts.allow file</t>
  </si>
  <si>
    <t>Payment Card Industry DSS 3.1 - CentOS 6</t>
  </si>
  <si>
    <t>* 1.2.1 Restrict inbound and outbound traffic - Create /etc/hosts.allow</t>
  </si>
  <si>
    <t>* 1.2.1.b Restrict inbound and outbound traffic - inbound</t>
  </si>
  <si>
    <t>* User Intervention Required: User should review the firewall configuration for inbound traffic and ensure that it is legitimate.    This rule produces firewall configuration for inbound traffic for review.</t>
  </si>
  <si>
    <t>Payment Card Industry DSS 3.1 - vSphere 6 ESXi</t>
  </si>
  <si>
    <t>* 1.2.1.b Restrict inbound and outbound traffic - outbound</t>
  </si>
  <si>
    <t>* User Intervention Required: User should review the firewall configuration for outbound traffic and ensure that it is legitimate.    This rule produces firewall configuration for outbound traffic for review.</t>
  </si>
  <si>
    <t>* 1.3 Prohibit direct public access to internet</t>
  </si>
  <si>
    <t>* User Intervention Required: User should review the DNS server configuration and ensure that it is legitimate.    This rule produces DNS configuration for review.</t>
  </si>
  <si>
    <t>Payment Card Industry DSS 3.1 - AIX 5.3-6.1</t>
  </si>
  <si>
    <t>* 1.3.5 Verify outbound traffic authorization</t>
  </si>
  <si>
    <t>IP Info - General</t>
  </si>
  <si>
    <t>* User Intervention Required: User should review the DNS entry for the system and ensure that it is legitimate.    This rule produces the DNS entry for the system for review.</t>
  </si>
  <si>
    <t>Payment Card Industry DSS 3.1 - OEL 6</t>
  </si>
  <si>
    <t>Payment Card Industry DSS 3.1 - RHEL 5</t>
  </si>
  <si>
    <t>Payment Card Industry DSS 3.1 - RHEL 6</t>
  </si>
  <si>
    <t>Payment Card Industry DSS 3.1 - Windows 2003 DC</t>
  </si>
  <si>
    <t>IP Information</t>
  </si>
  <si>
    <t>* User Intervention Required: User should review the list of DNS servers and ensure that it is legitimate.    This rule produces a list of DNS servers for review.</t>
  </si>
  <si>
    <t>Payment Card Industry DSS 3.1 - Windows 2003 MS</t>
  </si>
  <si>
    <t>Payment Card Industry DSS 3.1 - Windows 2008 DC</t>
  </si>
  <si>
    <t>Payment Card Industry DSS 3.1 - Windows 2008 MS</t>
  </si>
  <si>
    <t>Payment Card Industry DSS 3.1 - Windows 2012 DC</t>
  </si>
  <si>
    <t>Payment Card Industry DSS 3.1 - Windows 2012 MS</t>
  </si>
  <si>
    <t>Payment Card Industry DSS 3.1 - Windows 7</t>
  </si>
  <si>
    <t>Payment Card Industry DSS 3.1 - Windows 8</t>
  </si>
  <si>
    <t>* 10.1 Verify auditing - Configure Audit Log Storage Size</t>
  </si>
  <si>
    <t>* User Intervention Required: User should enter the value for 'max_log_file' configuration parameter as appropriate.    This rule verifies that 'max_log_file' parameter is set as appropriate.</t>
  </si>
  <si>
    <t>* User Intervention Required: User should enter the value for 'max_log_file' parameter as appropriate.    This rule verifies that 'max_log_file' parameter is set as appropriate.</t>
  </si>
  <si>
    <t>* 10.1 Verify auditing - Enable Auditing for Processes That Start Prior to auditd</t>
  </si>
  <si>
    <t>* User Intervention Required: User should review the list of kernel options and ensure audit=1 option exists for all kernels.    This rule produces the list of kernel options for all kernels for review.</t>
  </si>
  <si>
    <t>* 10.1 Verify auditing - Enable kernel-level auditing</t>
  </si>
  <si>
    <t>File System - File Structure</t>
  </si>
  <si>
    <t>* User Intervention Rule: User may have to provide the audit file path.    This rule verifies that kernel level auditing is enabled on the system.</t>
  </si>
  <si>
    <t>* 10.1 Verify auditing - Maximum audit record storage capacity</t>
  </si>
  <si>
    <t>* User Intervention Required - User should enter a value for 'space_left' parameter as appropriate.    This rule verifies that 'space_left' parameter is set as appropriate.</t>
  </si>
  <si>
    <t>* 10.1 Verify auditing - Miscellaneous Config - enable sar accounting</t>
  </si>
  <si>
    <t>Services - Cron</t>
  </si>
  <si>
    <t>* User Intervention Required: User should review the list of cron jobs and make sure that there is a job for accounting.    This rule produces a list of cron jobs for review.</t>
  </si>
  <si>
    <t>* 10.2.1 Verify logging - Configure /etc/rsyslog.conf</t>
  </si>
  <si>
    <t>System Logs - syslog(-ng) - Settings</t>
  </si>
  <si>
    <t>* User Intervention Required: User should review the rsyslog configuration and make sure it is legitimate.    This rule produces rsyslog configuration for review.</t>
  </si>
  <si>
    <t>* User Intervention Required: User should review the rsyslog.conf file configuration and ensure that it is legitimate.    This rule produces rsyslog.conf file configuration for review.</t>
  </si>
  <si>
    <t>* 10.2.1 Verify logging - Configure /etc/syslog.conf</t>
  </si>
  <si>
    <t>* User Intervention Required: User should review the syslog configuration and make sure it is legitimate.    This rule produces syslog configuration for review.</t>
  </si>
  <si>
    <t>* 10.2.1 Verify logging - Create and Set Permissions on rsyslog Log Files</t>
  </si>
  <si>
    <t>* User Intervention Required: User should add other log file names as appropriate.    This rule verifies that permissions and user and group ownerships for below files (as well as those added by user) are 600 and root:root respectively:    /var/log/messages  /var/log/secure  /var/log/maillog  /var/log/cron  /var/log/spooler  /var/log/boot.log</t>
  </si>
  <si>
    <t>* 10.2.1 Verify logging - Create and Set Permissions on syslog Log Files</t>
  </si>
  <si>
    <t>* User Intervention Required: User should enter the log file names as appropriate.    This rule verifies that permissions and user and group ownerships for log files are 600 and root:root respectively.</t>
  </si>
  <si>
    <t>* 10.2.1 Verify logging - System logs must be rotated daily</t>
  </si>
  <si>
    <t>* User Intervention Required: User should review the list of cron jobs and make sure that there is a job for rotating logs daily.    This rule produces a list of cron jobs for review.</t>
  </si>
  <si>
    <t>* 10.3 Verify audit event type</t>
  </si>
  <si>
    <t>* User Intervention Required: User should review the list of audit events that are configured and ensure that it is legitimate.    This rule produces the list of audit events that are configured for review.</t>
  </si>
  <si>
    <t>* 10.3 Verify audit event type - Collect Use of Privileged Commands</t>
  </si>
  <si>
    <t>* User Intervention Required: User should review the list of audited privileged commands and ensure that it is legitimate.    This rule produces a list of audited events for review.</t>
  </si>
  <si>
    <t>* 10.4 Verify time configuration - Configure Network Time Protocol - server</t>
  </si>
  <si>
    <t>* User Intervention Required: User should enter the value for trusted ntp server as appropriate.    This rule verifies that ntp server is used as appropriate.</t>
  </si>
  <si>
    <t>* 10.4 Verify time configuration - Configure Network Time Protocol (NTP) - server</t>
  </si>
  <si>
    <t>* 10.4 Verify time configuration - Configure ntp server</t>
  </si>
  <si>
    <t>* 10.4 Verify time configuration - Configure NTP time synchronization</t>
  </si>
  <si>
    <t>* User Intervention Required: User should enter the value for legitimate ntp source.    This rule verifies that appropriate ntp source is set and ntp client is running.</t>
  </si>
  <si>
    <t>* 10.4 Verify time configuration - Configure NTP time synchronization - server</t>
  </si>
  <si>
    <t>* User Intervention Required: User should enter the value for ntp server as appropriate.    This rule verifies that appropriate ntp server is set.</t>
  </si>
  <si>
    <t>Payment Card Industry DSS 3.1 - Windows vSphere 5.1 SSO</t>
  </si>
  <si>
    <t>* 10.4 Verify time configuration - Configure NTP time synchronization - time correction settings</t>
  </si>
  <si>
    <t>Registry</t>
  </si>
  <si>
    <t>* User Intervention Required: User should enter the value for time in seconds for MaxPosPhaseCorrection and MaxNegPhaseCorrection keys as appropriate.    This rule verifies that time correction settings are configured as appropriate.</t>
  </si>
  <si>
    <t>Payment Card Industry DSS 3.1 - Windows vSphere 5.1 vCenter</t>
  </si>
  <si>
    <t>Payment Card Industry DSS 3.1 - Windows vSphere 5.5 SSO</t>
  </si>
  <si>
    <t>Payment Card Industry DSS 3.1 - Windows vSphere 5.5 vCenter</t>
  </si>
  <si>
    <t>* 10.4 Verify time configuration - Configure NTP time synchronization - time sources</t>
  </si>
  <si>
    <t>* User Intervention Required: User should enter the name of authorized time source(s) as appropriate.    This rule verifies that authorized time source(s) is (are) configured.</t>
  </si>
  <si>
    <t>* 10.4 Verify time configuration - The system clock must be synchronized to an authoritative source</t>
  </si>
  <si>
    <t>* 10.4 Verify time configuration - time correction settings</t>
  </si>
  <si>
    <t>* 10.4 Verify time configuration - time sources</t>
  </si>
  <si>
    <t>* 10.5.4 Write logs to internal log server - Configure remote logging for ESXi hosts</t>
  </si>
  <si>
    <t>* User Intervention Required: User should enter the appropriate remote syslog hostname.    This rule verifies that appropriate remote syslog hostname is set.</t>
  </si>
  <si>
    <t>* 2.1.1.b SNMP Configuration - Ensure proper SNMP configuration</t>
  </si>
  <si>
    <t>This rule verifies that snmp service is not running.    * Note - If snmp service is required in your environment, please create an exception for this rule.</t>
  </si>
  <si>
    <t>* 2.1.1.b SNMP Configuration - Ensure proper SNMP configuration - SNMP Settings</t>
  </si>
  <si>
    <t>vCenter Custom Information</t>
  </si>
  <si>
    <t>* User Intervention Required: User should review the SNMP configuration and ensure that it is legitimate.    This rule produces SNMP configuration for review.</t>
  </si>
  <si>
    <t>* 2.1.1.b Verify default SNMP configuration - NFS - restrict NFS access</t>
  </si>
  <si>
    <t>Exported Services - NFS</t>
  </si>
  <si>
    <t>* User Intervention Required: User should review the list of nfs access and make sure it is legitimate.    This rule produces nfs export options for review.</t>
  </si>
  <si>
    <t>* 2.1.1.b Verify default SNMP configuration - SNMP - restrict community access</t>
  </si>
  <si>
    <t>* User Intervention Required: User should review the list of community names and the associated IP Address and Netmask and make sure it is legitimate.    This rule produces a list of community names, ip address and netmask for review.</t>
  </si>
  <si>
    <t>Payment Card Industry DSS 3.1 - vSphere 5.0 Guests</t>
  </si>
  <si>
    <t>* 2.2.1 Implement only one primary function per server</t>
  </si>
  <si>
    <t>vCenter Guests</t>
  </si>
  <si>
    <t>* User Intervention Required: User should review the list of VMs and ensure that they are legitimate.    This rule produces a list of VMs for review.</t>
  </si>
  <si>
    <t>Payment Card Industry DSS 3.1 - vSphere 5.1 Guests</t>
  </si>
  <si>
    <t>Payment Card Industry DSS 3.1 - vSphere 5.5 Guests</t>
  </si>
  <si>
    <t>Payment Card Industry DSS 3.1 - vSphere 6 Guests</t>
  </si>
  <si>
    <t>* 2.2.2 Enable only necessary services - 1</t>
  </si>
  <si>
    <t>* User Intervention Required: User should review the list of enabled services and ensure that it is legitimate.    This rule produces a list of enabled services for review.</t>
  </si>
  <si>
    <t>* 2.2.2 Enable only necessary services - 2</t>
  </si>
  <si>
    <t>* User Intervention Required: User should review the list of running services and ensure that it is legitimate.    This rule produces a list of running services for review.</t>
  </si>
  <si>
    <t>* 2.2.2.a Verify services, protocols and ports</t>
  </si>
  <si>
    <t>Services</t>
  </si>
  <si>
    <t>* User Intervention Required: User should review the list of services that are running on the system and ensure that it is legitimate.    This rule produces a list of services that are running on the system for review.</t>
  </si>
  <si>
    <t>* 2.2.2.a Verify services, protocols and ports - Configuring SSH - limit access via SSH</t>
  </si>
  <si>
    <t>* User Intervention Required: User should enter the value for below parameters as appropriate:    AllowUsers  AllowGroups  DenyUsers  DenyGroups      This rule verifies that below parameters are set as appropriate:  AllowUsers  AllowGroups  DenyUsers  DenyGroups</t>
  </si>
  <si>
    <t>* 2.2.2.a Verify services, protocols and ports - Limit Access via SSH</t>
  </si>
  <si>
    <t>* User Intervention Required: User should review the list of allowed users, allowed groups, denied users and denied groups and make sure that it is legitimate.    This rule produces a list of allowed users, allowed groups, denied users and denied groups based on AllowUsers, AllowGroups, DenyUsers and DenyGroups parameters for review.</t>
  </si>
  <si>
    <t>* 2.2.2.a Verify services, protocols and ports - NFS - restrict NFS access</t>
  </si>
  <si>
    <t>* 2.2.2.a Verify services, protocols and ports - NFS - secure NFS</t>
  </si>
  <si>
    <t>* User Intervention Required: User should review the list of security options and make sure it is legitimate.    This rule produces nfs export options for review.</t>
  </si>
  <si>
    <t>* 2.2.2.a Verify services, protocols and ports - NIS - restrict NIS server communication</t>
  </si>
  <si>
    <t>* User Intervention Required: User should review the list of securenet entries and ensure that it is legitimate.    This rule produces a list of securenet entries for review.</t>
  </si>
  <si>
    <t>* 2.2.2.a Verify services, protocols and ports - Set SSH Banner</t>
  </si>
  <si>
    <t>* User Intervention Required: User should enter the banner file name as appropriate.    This rule verifies that banner file is set as appropriate.</t>
  </si>
  <si>
    <t>* 2.2.2.a Verify services, protocols and ports - SNMP - restrict community access</t>
  </si>
  <si>
    <t>Payment Card Industry DSS 3.1 - vSphere 5.5 Network</t>
  </si>
  <si>
    <t>* 2.2.4 Configure system security parameters - All vDS have a clear network label</t>
  </si>
  <si>
    <t>vCenter Networks</t>
  </si>
  <si>
    <t>* User Intervention Required: User should review the list of virtual distributed switch names and ensure that it is legitimate.    This rule produces a list of virtual distributed switch names for review.</t>
  </si>
  <si>
    <t>Payment Card Industry DSS 3.1 - vSphere 5.0 Network</t>
  </si>
  <si>
    <t>* 2.2.4 Configure system security parameters - All vdSwitch VLAN ID's are fully documented</t>
  </si>
  <si>
    <t>* User Intervention Required: User should review the distributed portgroups and their corresponding VLAN IDs and make sure they are legitimate and documented.    This rule produces a list of distributed portgroups and their VLAN IDs for review.</t>
  </si>
  <si>
    <t>Payment Card Industry DSS 3.1 - vSphere 5.1 Network</t>
  </si>
  <si>
    <t>* 2.2.4 Configure system security parameters - All virtual switch VLAN's are fully documented</t>
  </si>
  <si>
    <t>* User Intervention Required: User should review all VLAN IDs and make sure they are legitimate.    This rule produces a list of VLAN IDs for review.</t>
  </si>
  <si>
    <t>* 2.2.4 Configure system security parameters - All virtual switches have a clear network label</t>
  </si>
  <si>
    <t>* User Intervention Required: User should review the vSwitch labels and make sure they are clear.    This rule produces a list of vSwitch labels for review.</t>
  </si>
  <si>
    <t>* 2.2.4 Configure system security parameters - All vSwitch and VLANS ID's are fully documented</t>
  </si>
  <si>
    <t>* User Intervention Required: User should review the vSwitches and corresponding VLAN IDs and make sure they are legitimate and documented.    This rule produces a list of vSwitches and their VLAN IDs for review.</t>
  </si>
  <si>
    <t>Payment Card Industry DSS 3.1 - Windows vSphere 5.0 vCenter</t>
  </si>
  <si>
    <t>* 2.2.4 Configure system security parameters - Block access to ports not being used by vCenter - TCP</t>
  </si>
  <si>
    <t>Custom Information (Windows)</t>
  </si>
  <si>
    <t>* User Intervention Required: User should review the open ports and make sure they are legitimate.    This rule produces a list of open ports for review.</t>
  </si>
  <si>
    <t>* 2.2.4 Configure system security parameters - Block access to ports not being used by vCenter - UDP</t>
  </si>
  <si>
    <t>* 2.2.4 Configure system security parameters - Configure Host Profiles</t>
  </si>
  <si>
    <t>* User Intervention Required: User should review the list of host profiles used and ensure that it is appropriate.    This rule produces a list of host profiles for review.</t>
  </si>
  <si>
    <t>* 2.2.4 Configure system security parameters - Disconnect unauthorized devices - floppy</t>
  </si>
  <si>
    <t>* User Intervention Required: User should review the list of floppy devices connected to VMs and make sure it is legitimate.    This rule produces a list of floppy devices connected to VMs for review.</t>
  </si>
  <si>
    <t>* 2.2.4 Configure system security parameters - Disconnect unauthorized devices - ide</t>
  </si>
  <si>
    <t>* User Intervention Required: User should review the list of CD-ROM devices connected to VMs and make sure it is legitimate.    This rule produces a list of CD-ROM devices connected to VMs for review.</t>
  </si>
  <si>
    <t>* 2.2.4 Configure system security parameters - Disconnect unauthorized devices - parallel</t>
  </si>
  <si>
    <t>* User Intervention Required: User should review the list of parallel ports connected to VMs and make sure it is legitimate.    This rule produces a list of parallel ports connected to VMs for review.</t>
  </si>
  <si>
    <t>* 2.2.4 Configure system security parameters - Disconnect unauthorized devices - serial</t>
  </si>
  <si>
    <t>* User Intervention Required: User should review the list of serial ports connected to VMs and make sure it is legitimate.    This rule produces a list of serial ports connected to VMs for review.</t>
  </si>
  <si>
    <t>* 2.2.4 Configure system security parameters - Disconnect unauthorized devices - usb</t>
  </si>
  <si>
    <t>* User Intervention Required: User should review the list of USB controllers connected to VMs and make sure it is legitimate.    This rule produces a list of USB controllers connected to VMs for review.</t>
  </si>
  <si>
    <t>* 2.2.4 Configure system security parameters - dvfilter network APIs - If Required</t>
  </si>
  <si>
    <t>* User Intervention Required: If a VM is to be protected by a VMsafe CPU/memory product then user should enter the appropriate values for ethernet0.filter1.name and dv-filter1 properties where “ethernet0” is the network adaptor interface of the VM that is to be protected, "filter1" is the number of the filter that is being used, and “dv-filter1” is the name of the particular data path kernel module that is protecting the VM.     Also, user should enter the VM name(s).     If protection is not required for any VMs then this check is not applicable and should be deleted to avoid false positives.    This rule verifies that for appropriate VM(s) below properties are set as appropriate:  ethernet0.filter1.name = dv-filter1</t>
  </si>
  <si>
    <t>* 2.2.4 Configure system security parameters - Dvfilter network APIs - If Required</t>
  </si>
  <si>
    <t>* User Intervention Required: If a VM is to be protected by a VMsafe CPU/memory product then user should enter the appropriate values for ethernet0.filter1.name (Key) and dv-filter1 (value) properties where “ethernet0” is the network adaptor interface of the VM that is to be protected, "filter1" is the number of the filter that is being used, and “dv-filter1” is the name of the particular data path kernel module that is protecting the VM.     Also, user should enter the VM name(s).     If protection is not required for any VMs then this check is not applicable and should be deleted to avoid false positives.    This rule verifies that for appropriate VM(s) below properties are set as appropriate:  ethernet0.filter1.name (Key) = dv-filter1 (value)</t>
  </si>
  <si>
    <t>Payment Card Industry DSS 3.1 - vSphere 5.0 vCenter</t>
  </si>
  <si>
    <t>* 2.2.4 Configure system security parameters - Ensure that vpxuser auto-password change meets policy</t>
  </si>
  <si>
    <t>vCenter Settings</t>
  </si>
  <si>
    <t>* User Intervention Required: User should review vpxuser auto-password change policy and make sure it is legitimate.    This rule produces vpxuser auto-password change policy configuration value for review.</t>
  </si>
  <si>
    <t>Payment Card Industry DSS 3.1 - vSphere 5.1 vCenter</t>
  </si>
  <si>
    <t>Payment Card Industry DSS 3.1 - vSphere 5.5 vCenter</t>
  </si>
  <si>
    <t>* 2.2.4 Configure system security parameters - Ensure that vpxuser password meets length policy</t>
  </si>
  <si>
    <t>* User Intervention Required: User should review vpxuser password length policy and make sure it is legitimate.    This rule produces vpxuser password length policy configuration value for review.</t>
  </si>
  <si>
    <t>* 2.2.4 Configure system security parameters - IP-based storage traffic is isolated - airgap</t>
  </si>
  <si>
    <t>* User Intervention Required: User should enter the value for IP-based storage traffic portgroup and vSwitch name.    This rule verifies that IP-based storage traffic is isolated.</t>
  </si>
  <si>
    <t>* 2.2.4 Configure system security parameters - IP-based storage traffic is isolated - vlan</t>
  </si>
  <si>
    <t>* User Intervention Required: User should enter the value for IP-based storage traffic VLAN ID and vSwitch name.    This rule verifies that IP-based storage traffic is isolated.</t>
  </si>
  <si>
    <t>* 2.2.4 Configure system security parameters - No native VLAN</t>
  </si>
  <si>
    <t>* User Intervention Required: User should enter the appropriate physical switches' VLAN IDs that should not be configured.    This rule verifies that port groups are not configured to appropriate physical switches' VLAN IDs.</t>
  </si>
  <si>
    <t>* User Intervention Required: User should enter the appropriate native VLAN IDs that should not be configured.    This rule verifies that port groups are not configured to appropriate native VLAN IDs.</t>
  </si>
  <si>
    <t>* 2.2.4 Configure system security parameters - No reserved VLAN values</t>
  </si>
  <si>
    <t>* 2.2.4 Configure system security parameters - No unused ports on a distributed virtual port group</t>
  </si>
  <si>
    <t>vCenter Network Attributes</t>
  </si>
  <si>
    <t>* User Intervention Required: User should review the ports that are available and make sure they are legitimate.    This rule produces a list of ports on a distributed vSwitch port group.</t>
  </si>
  <si>
    <t>* 2.2.4 Configure system security parameters - Port groups are configured with a clear network label</t>
  </si>
  <si>
    <t>* User Intervention Required: User should review the portgroups and make sure they have a clear label.    This rule produces a list of portgroups for review.</t>
  </si>
  <si>
    <t>* 2.2.4 Configure system security parameters - Prevent unintended use of dvfilter network APIs</t>
  </si>
  <si>
    <t>* User Intervention Required: If a VMsafe Network security appliance has been deployed on a host, then ensure that this (and only this) VM’s IP address is configured to use this API. User should enter the appropriate VM's IP address to be bound to VMsafe network APIs.    This rule verifies that an appropriate VM's IP address is configured in the Net.DVFilterBindIpAddress kernel parameter.</t>
  </si>
  <si>
    <t>* 2.2.4 Configure system security parameters - Prevent virtual machines from taking over resources</t>
  </si>
  <si>
    <t>* User Intervention Required: User should review the list of CPU Shares and Memory Shares and ensure that it is legitimate.    This rule produces a list of CPU Shares and Memory Shares for review.</t>
  </si>
  <si>
    <t>* 2.2.4 Configure system security parameters - Use Active Directory for local user authentication</t>
  </si>
  <si>
    <t>* User Intervention Required: User should enter the value for domain name to which host must be joined as appropriate.    This rule verifies that active directory is used for authentication as appropriate.</t>
  </si>
  <si>
    <t>Payment Card Industry DSS 3.1 - vSphere 6 Network</t>
  </si>
  <si>
    <t>* 2.2.4 Configure system security parameters - VDS Netflow traffic</t>
  </si>
  <si>
    <t>* User Intervention Required: User should enter the values for "Collector IP address" and "Collector port" as appropriate. If netflow functionality is not desired, do not edit this rule.    This rule verifies that "Collector IP address" and "Collector port" are either not configured or set to user provided values.</t>
  </si>
  <si>
    <t>* 2.2.4 Configure system security parameters - VLAN IDs for all dvPortgroups are fully documented</t>
  </si>
  <si>
    <t>* 2.2.4 Configure system security parameters - vMotion traffic is isolated - airgap</t>
  </si>
  <si>
    <t>* User Intervention Required: User should enter the value for vMotion traffic portgroup and vSwitch name.    This rule verifies that vMotion traffic is isolated.</t>
  </si>
  <si>
    <t>* 2.2.4 Configure system security parameters - vMotion traffic is isolated - vlan</t>
  </si>
  <si>
    <t>* User Intervention Required: User should enter the value for vMotion traffic VLAN ID and vSwitch name.    This rule verifies that vMotion traffic is isolated.</t>
  </si>
  <si>
    <t>* 2.2.4 Configure system security parameters - VMsafe APIs - agentaddress - If Required</t>
  </si>
  <si>
    <t>* User Intervention Required: If a VM is to be protected by a VMsafe then user should enter the appropriate values for VM(s) and vmsafe.agentAddress.     If protection is not required for any VMs then this check is not applicable and should be deleted to avoid false positives.    This rule verifies that for appropriate VM(s) vmsafe.agentAddress property is set as appropriate.</t>
  </si>
  <si>
    <t>* 2.2.4 Configure system security parameters - VMsafe APIs - agentport - If Required</t>
  </si>
  <si>
    <t>* User Intervention Required: If a VM is to be protected by a VMsafe then user should enter the appropriate values for VM(s) and vmsafe.agentPort.     If protection is not required for any VMs then this check is not applicable and should be deleted to avoid false positives.    This rule verifies that for appropriate VM(s) vmsafe.agentPort property is set as appropriate.</t>
  </si>
  <si>
    <t>* 2.2.4 Configure system security parameters - VMsafe APIs - If Required</t>
  </si>
  <si>
    <t>* User Intervention Required: If a VM is to be protected by a VMsafe then user should enter the appropriate values for VM(s).     If protection is not required for any VMs then this check is not applicable and should be deleted to avoid false positives.    This rule verifies that for appropriate VM(s) vmsafe.enable property is set to true.</t>
  </si>
  <si>
    <t>* 2.2.4 Configure system security parameters - vSphere management traffic - airgap</t>
  </si>
  <si>
    <t>* User Intervention Required: User should enter the value for management traffic portgroup and vSwitch name.    This rule verifies that management traffic is isolated.</t>
  </si>
  <si>
    <t>* 2.2.4 Configure system security parameters - vSphere management traffic - vlan</t>
  </si>
  <si>
    <t>* User Intervention Required: User should enter the value for management traffic VLAN ID and vSwitch name.    This rule verifies that management traffic is isolated.</t>
  </si>
  <si>
    <t>* 2.2.5.a Verify installed system components</t>
  </si>
  <si>
    <t>Software Inventory</t>
  </si>
  <si>
    <t>* User Intervention Required: User should review the lists of installed system components and ensure that it is legitimate.    This rule produces a list of installed system components for review.</t>
  </si>
  <si>
    <t>* 2.2.5.a Verify installed system components - Packages</t>
  </si>
  <si>
    <t>Software Inventory - Packages</t>
  </si>
  <si>
    <t>* User Intervention Required: User should review the list of packages installed on the system and ensure that it is legitimate.    This rule produces a list of packages installed on the system for review.</t>
  </si>
  <si>
    <t>* 2.2.5.a Verify installed system components - Utilities</t>
  </si>
  <si>
    <t>Software Inventory - Utilities</t>
  </si>
  <si>
    <t>* User Intervention Required: User should review the list of utilities installed on the system and ensure that it is legitimate.    This rule produces a list of utilities installed on the system for review.</t>
  </si>
  <si>
    <t>* 2.2.a Verify system configuration - (AutoReboot) Allow Windows to automatically</t>
  </si>
  <si>
    <t>* User Intervention Required : User need to edit this policy.    This rule verifies that the setting permits a server to automatically reboot after a fatal crash.</t>
  </si>
  <si>
    <t>* 2.2.a Verify system configuration - Add nodev Option to Removable Media Partitions</t>
  </si>
  <si>
    <t>Disk Info - File System</t>
  </si>
  <si>
    <t>* User Intervention Required: User should enter the values for File System type as appropriate.    This rule verifies that for all removable media partitions, 'nodev' option is set.</t>
  </si>
  <si>
    <t>* 2.2.a Verify system configuration - Add noexec Option to Removable Media Partitions</t>
  </si>
  <si>
    <t>* User Intervention Required: User should enter the values for File System type as appropriate.    This rule verifies that for all removable media partitions, 'noexec' option is set.</t>
  </si>
  <si>
    <t>* 2.2.a Verify system configuration - Add nosuid Option to Removable Media Partitions</t>
  </si>
  <si>
    <t>* User Intervention Required: User should enter the values for File System type as appropriate.    This rule verifies that for all removable media partitions, 'nosuid' option is set.</t>
  </si>
  <si>
    <t>* 2.2.a Verify system configuration - All rsyslog-generated log files must be group-owned by root</t>
  </si>
  <si>
    <t>* User Intervention Required: User may have to add additional log filenames as appropriate.    This rule verifies that below rsyslog-generated log files are group-owned by root:    /var/log/messages  /var/log/secure  /var/log/cron  /var/log/boot.log  /var/log/maillog  /var/log/spooler</t>
  </si>
  <si>
    <t>* 2.2.a Verify system configuration - All rsyslog-generated log files must be owned by root</t>
  </si>
  <si>
    <t>* User Intervention Required: User may have to add additional log filenames as appropriate.    This rule verifies that below rsyslog-generated log files are owned by root:    /var/log/messages  /var/log/secure  /var/log/cron  /var/log/boot.log  /var/log/maillog  /var/log/spooler</t>
  </si>
  <si>
    <t>* 2.2.a Verify system configuration - All rsyslog-generated log files must have mode 0600 or less</t>
  </si>
  <si>
    <t>* User Intervention Required: User may have to add additional log filenames as appropriate.    This rule verifies that below rsyslog-generated log files have permissions of 600 or more restrictive:    /var/log/messages  /var/log/secure  /var/log/cron  /var/log/boot.log  /var/log/maillog  /var/log/spooler</t>
  </si>
  <si>
    <t>* 2.2.a Verify system configuration - CDE - login screen hostname masking</t>
  </si>
  <si>
    <t>* User Intervention Required: User should review the below parameters and ensure that they are set as legitimate:    Dtlogin*greeting.labelString  Dtlogin*greeting.persLabelString    This rule produces the below parameters for review:    Dtlogin*greeting.labelString  Dtlogin*greeting.persLabelString</t>
  </si>
  <si>
    <t>* 2.2.a Verify system configuration - Check That Reserved UIDs Are Assigned to System Accounts</t>
  </si>
  <si>
    <t>Users (UNIX)</t>
  </si>
  <si>
    <t>* User Intervention Required: User should review the list of accounts for reserved UIDs.    This rule produces a list of accounts for reserved UIDs for review.</t>
  </si>
  <si>
    <t>* User Intervention Required: User should review the list of system UIDs and ensure that they are assigned to system accounts.    This rule produces a list of system UIDs and their corresponding account names for review.</t>
  </si>
  <si>
    <t>* 2.2.a Verify system configuration - Check That Users Are Assigned Valid Home Directories</t>
  </si>
  <si>
    <t>* User Intervention Required: User should review the list of user home directories and ensure that it is legitimate.    This rule produces the list of user home directories for review.</t>
  </si>
  <si>
    <t>* 2.2.a Verify system configuration - Create warning banners - /etc/issue</t>
  </si>
  <si>
    <t>* User Intervention required: User may need to enter their approved warning banner.    This rule verifies that a warning banner is set.</t>
  </si>
  <si>
    <t>* 2.2.a Verify system configuration - Create warning banners - /etc/motd</t>
  </si>
  <si>
    <t>* 2.2.a Verify system configuration - Deactivate Wireless Interfaces</t>
  </si>
  <si>
    <t>IP Info - Interfaces</t>
  </si>
  <si>
    <t>* User Intervention Required: User should review the available interfaces and make sure that there are no wireless interfaces.    This rule produces a list of interfaces for review.</t>
  </si>
  <si>
    <t>* User Intervention Required: User should review the list of interfaces and ensure wireless interfaces are down.    This rule produces the list of interfaces for review.</t>
  </si>
  <si>
    <t>* 2.2.a Verify system configuration - Emergency accounts must be provisioned with an expiration date</t>
  </si>
  <si>
    <t>* User Intervention Required: User should review the list of users and ensure that emergency accounts have a legitimate expiry date.    This rule produces a list of user accounts and their expiry date for review.</t>
  </si>
  <si>
    <t>* 2.2.a Verify system configuration - Limit access to trusted networks</t>
  </si>
  <si>
    <t>* User Intervention Required: User should review the 'FW_TRUSTED_NETS' parameter configuration and ensure that it is legitimate.    This rule produces 'FW_TRUSTED_NETS' parameter configuration for review.</t>
  </si>
  <si>
    <t>* 2.2.a Verify system configuration - Login banner must be displayed</t>
  </si>
  <si>
    <t>* User Intervention Required: User should review the warning banners and ensure that they are legitimate.    This rule produces warning banner present in /etc/issue file for review.</t>
  </si>
  <si>
    <t>* 2.2.a Verify system configuration - Login banner must be displayed for graphical desktop</t>
  </si>
  <si>
    <t>* User Intervention Required: User should review the login banner and ensure that it is legitimate.    This rule produces 'banner_message_text' parameter value for review.</t>
  </si>
  <si>
    <t>* 2.2.a Verify system configuration - Message text for users attempting to log on</t>
  </si>
  <si>
    <t>This rule verifies that the setting specifies a text message that displays to users when they log on. Typically, this text is used for legal reasons—for example, to warn users about the ramifications of unauthorized access, misuse of company information, or that their actions may be audited.  The default setting for this rule is text approved by your organization.  **This rule must be edited and the proper text entered for the this rule to work properly.</t>
  </si>
  <si>
    <t>* User Intervention Required : User need to edit this policy;     This policy setting specifies a text message that displays to users when they log on.</t>
  </si>
  <si>
    <t>* 2.2.a Verify system configuration - Message title for users attempting to log on</t>
  </si>
  <si>
    <t>Security Policy</t>
  </si>
  <si>
    <t>* User Intervention Required: User should enter the message title as appropriate.    This rule verifies that appropriate message title is configured.</t>
  </si>
  <si>
    <t>This rule verifies that the setting allows a title to be specified in the title bar of the interactive logon dialog box that displays when users log on to the computer. The reason for this policy setting is the same as that for the Message text for user attempting to log on setting.   **This rule must be edited and the proper text entered for the this rule to work properly.</t>
  </si>
  <si>
    <t>* User Intervention Required : User need to edit this policy;     This policy setting allows text to be specified in the title bar of the window that users see when they log on to the system.</t>
  </si>
  <si>
    <t>* 2.2.a Verify system configuration - Miscellaneous Config - /etc/ftpusers</t>
  </si>
  <si>
    <t>* User Intervention Required: User should review the list of users added in ftpusers file and ensure that it is legitimate.    This rule produces a list of users added in ftpusers file for review.</t>
  </si>
  <si>
    <t>* 2.2.a Verify system configuration - Miscellaneous Config - /etc/motd</t>
  </si>
  <si>
    <t>* User Intervention Required: User should review the motd banner and make sure it is legitimate.    This rule produces motd banner fore review.</t>
  </si>
  <si>
    <t>* 2.2.a Verify system configuration - Miscellaneous Config - authorized users in at.allow</t>
  </si>
  <si>
    <t>* User Intervention Required: User should review the list of users present in at.allow file and make sure it is legitimate.    This rule produces a list of users present in at.allow file for review.</t>
  </si>
  <si>
    <t>* 2.2.a Verify system configuration - Miscellaneous Config - authorized users in cron.allow</t>
  </si>
  <si>
    <t>* User Intervention Required: User should review the list of users present in cron.allow file and make sure it is legitimate.    This rule produces a list of users present in cron.allow file for review.</t>
  </si>
  <si>
    <t>* 2.2.a Verify system configuration - Miscellaneous Config - unnecessary group removal</t>
  </si>
  <si>
    <t>Groups (UNIX)</t>
  </si>
  <si>
    <t>* User Intervention Required: User should review the list of groups and make sure it is legitimate.    This rule produces a list of groups for review.</t>
  </si>
  <si>
    <t>* 2.2.a Verify system configuration - Miscellaneous Config - unnecessary user removal</t>
  </si>
  <si>
    <t>* User Intervention Required: User should review the list of users make sure it is legitimate.    This rule produces a list of users for review.</t>
  </si>
  <si>
    <t>* 2.2.a Verify system configuration - Miscellaneous Enhancements - login herald</t>
  </si>
  <si>
    <t>* User Intervention Required: User should review the login herald setting and ensure that it is legitimate.    This rule produces login herald setting for review.</t>
  </si>
  <si>
    <t>* 2.2.a Verify system configuration - Restrict Access to the su Command</t>
  </si>
  <si>
    <t>* User Intervention Required: User should review the list of 'wheel' group members and ensure that it is legitimate.    This rule produces a list of 'wheel' group members for review.</t>
  </si>
  <si>
    <t>* 2.2.a Verify system configuration - Restrict at/cron to Authorized Users</t>
  </si>
  <si>
    <t>* User Intervention Required: User should review the list of users allowed to use at/cron.    This rule produces a list of users who are allowed to use at/cron for review.</t>
  </si>
  <si>
    <t>* 2.2.a Verify system configuration - Restrict at/cron to Authorized Users - at allow</t>
  </si>
  <si>
    <t>* User Intervention Required: User should review the list of allowed at users and ensure that it is legitimate.    This rule produces a list of allowed at users for review.</t>
  </si>
  <si>
    <t>* 2.2.a Verify system configuration - Restrict at/cron to Authorized Users - at.allow</t>
  </si>
  <si>
    <t>* User Intervention Required: User should review the list of users allowed to use at and ensure that it is legitimate.    This rule produces a list of users allowed to use at for review.</t>
  </si>
  <si>
    <t>* 2.2.a Verify system configuration - Restrict at/cron to Authorized Users - cron allow</t>
  </si>
  <si>
    <t>* User Intervention Required: User should review the list of allowed cron users and ensure that it is legitimate.    This rule produces a list of allowed cron users for review.</t>
  </si>
  <si>
    <t>* 2.2.a Verify system configuration - Restrict at/cron to Authorized Users - cron.allow</t>
  </si>
  <si>
    <t>* User Intervention Required: User should review the list of users allowed to use cron and ensure that it is legitimate.    This rule produces a list of users allowed to use cron for review.</t>
  </si>
  <si>
    <t>* 2.2.a Verify system configuration - Restrict Core Dumps to Protected Directory - coreadm</t>
  </si>
  <si>
    <t>* User Intervention Required: User should review the core dump configuration and ensure that it is legitimate.    This rule produces core dump configuration for review.</t>
  </si>
  <si>
    <t>* 2.2.a Verify system configuration - Restrict FTP Use</t>
  </si>
  <si>
    <t>* User Intervention Required: User should review the list of ftpusers and ensure that it is legitimate.    This rule produces a list of ftpusers for review.</t>
  </si>
  <si>
    <t>* 2.2.a Verify system configuration - Restrict root Login to System Console</t>
  </si>
  <si>
    <t>* User Intervention Required: User should review the list of consoles and ensure that it is legitimate.    This rule produces a list of consoles for review.</t>
  </si>
  <si>
    <t>* 2.2.a Verify system configuration - Set GNOME Warning Banner</t>
  </si>
  <si>
    <t>* 2.2.a Verify system configuration - Set Graphical Warning Banner - gdm</t>
  </si>
  <si>
    <t>* User Intervention Required: User should review the gdm warning banner and ensure that it is legitimate.    This rule produces the gdm warning banner for review.    Note: Delete this rule if you are using KDM.</t>
  </si>
  <si>
    <t>* 2.2.a Verify system configuration - Set Graphical Warning Banner - kdm</t>
  </si>
  <si>
    <t>* User Intervention Required: User should review the kdm warning banner and ensure that it is legitimate.    This rule produces the kdm warning banner for review.    Note: Delete this rule if you are using GDM.</t>
  </si>
  <si>
    <t>* 2.2.a Verify system configuration - Set Warning Banner for Standard Login Services - issue*</t>
  </si>
  <si>
    <t>* User Intervention Required: User should review the warning banners and ensure that they are legitimate.    This rule produces warning banners present in /etc/issue and /etc/issue.net file for review.</t>
  </si>
  <si>
    <t>* 2.2.a Verify system configuration - Set Warning Banner for Standard Login Services - motd</t>
  </si>
  <si>
    <t>* User Intervention Required: User should review the warning banner and ensure that it is legitimate.    This rule produces warning banner present in /etc/motd file for review.</t>
  </si>
  <si>
    <t>* 2.2.a Verify system configuration - Temporary accounts must be provisioned with an expiration date</t>
  </si>
  <si>
    <t>* User Intervention Required: User should review the list of users and ensure that temporary accounts have a legitimate expiry date.    This rule produces a list of user accounts and their expiry date for review.</t>
  </si>
  <si>
    <t>* 2.2.a Verify system configuration - The LDAP client must use a TLS connection using certificates</t>
  </si>
  <si>
    <t>* User Intervention Required: User should review the configuration for 'tls_cacertdir' or 'tls_cacertfile' parameters and ensure that they are set as appropriate.    This rule produces the values of 'tls_cacertdir' and 'tls_cacertfile' parameters for review.</t>
  </si>
  <si>
    <t>* 2.2.a Verify system configuration - The noexec option must be added to removable media partitions</t>
  </si>
  <si>
    <t>* User Intervention Required: User should review the list of file system types and respective mount options and make sure it is legitimate.    This rule produces a list of file system types and mount options for review.</t>
  </si>
  <si>
    <t>* 2.2.a Verify system configuration - The system must have a host-based intrusion detection tool</t>
  </si>
  <si>
    <t>* User Intervention Required: User should enter the name of host-based intrusion detection tool as appropriate.    This rule verifies that host-based intrusion detection tool is installed.</t>
  </si>
  <si>
    <t>* 2.2.a Verify system configuration - Unnecessary user and group removal - group</t>
  </si>
  <si>
    <t>* 2.2.a Verify system configuration - Unnecessary user and group removal - user</t>
  </si>
  <si>
    <t>* 2.2.a Verify system configuration - Use the Latest OS Release</t>
  </si>
  <si>
    <t>Machines - General</t>
  </si>
  <si>
    <t>* User Intervention Required: User should review the OS release and make sure it is legitimate.    This rule produces OS release information for review.</t>
  </si>
  <si>
    <t>* User Intervention Required: User should review the OS Release and ensure that it is latest.    This rule produces OS release information for review.</t>
  </si>
  <si>
    <t>* 5.1 Verify anti-virus is installed</t>
  </si>
  <si>
    <t>* User Intervention Required: User should enter the anti-virus package name as appropriate.    This rule verifies that an appropriate anti-virus is installed.</t>
  </si>
  <si>
    <t>* User Intervention Required: User should review the list of cron jobs and make sure that there is a job for virus scan.    This rule produces a list of cron jobs for review.</t>
  </si>
  <si>
    <t>* User Intervention Required: User should enter the value for anti-virus product name as appropriate.    This rule verifies that an appropriate anti-virus product is installed.</t>
  </si>
  <si>
    <t>* 6.2 Security Patches - Keep ESXi system properly patched</t>
  </si>
  <si>
    <t>* User Intervention Required: User should enter the latest Host Image Profile name as appropriate.    This rule verifies that host image profile is the latest.</t>
  </si>
  <si>
    <t>* 7.1 Limit access to system components - Audit the list of exception users</t>
  </si>
  <si>
    <t>* User Intervention Required: User should review the list of exception users and ensure that it is legitimate.    This rule produces a list of exception users for review.</t>
  </si>
  <si>
    <t>* 7.1 Limit access to system components - Avoid unneeded user login to vCenter Server - accounts</t>
  </si>
  <si>
    <t>Accounts</t>
  </si>
  <si>
    <t>* User Intervention Required: User should enter the username(s) of administrator(s) who is/are allowed to login on vCenter Server system.    This rule verifies that only appropriate users are allowed to log on vCenter Server system.</t>
  </si>
  <si>
    <t>* 7.1 Limit access to system components - Install vCenter Server using a service account - 1</t>
  </si>
  <si>
    <t>* User Intervention Required: User should enter the appropriate service account name for vCenter Server.    This rule verifies that appropriate service account is used for vCenter Server.</t>
  </si>
  <si>
    <t>* 7.1 Limit access to system components - Install vCenter Server using a service account - 2</t>
  </si>
  <si>
    <t>Groups</t>
  </si>
  <si>
    <t>* User Intervention Required: User should enter the vCenter Server service account name as appropriate.    This rule verifies that service account has only local administrator role.</t>
  </si>
  <si>
    <t>* 7.1 Limit access to system components - Monitor access to SSL certificates - service account</t>
  </si>
  <si>
    <t>NTFS Audit Settings</t>
  </si>
  <si>
    <t>* User Intervention Required: User should enter non-service account names to be audited.    This rule verifies that non-service account access to certificates directory is audited.</t>
  </si>
  <si>
    <t>* 7.1 Limit access to system components - Restrict access to SSL certificates</t>
  </si>
  <si>
    <t>NTFS Directory Permissions</t>
  </si>
  <si>
    <t>* User Intervention Required: User should enter the vCenter Server service account name.    This rule verifies that only service account has permissions to access ssl certificate directory.</t>
  </si>
  <si>
    <t>* 7.1 Limit access to system components - Set DCUI.Access to allow trusted users</t>
  </si>
  <si>
    <t>* User Intervention Required: User should review the list of users who are allowed to override lockdown mode and ensure that it is legitimate.    This rule produces a list of users who are allowed to override lockdown mode for review.</t>
  </si>
  <si>
    <t>* User Intervention Required: User should enter the list of users who are authorized to override lockdown mode as appropriate.    This rule verifies that list of users who are allowed to override lockdown mode is authorized.</t>
  </si>
  <si>
    <t>* 8.1.6 Verify invalid login attempts - Set Retry Limit for Account Lockout - user_attr</t>
  </si>
  <si>
    <t>* User Intervention Required: User should review the user_attr file entries and ensure that 'lock_after_retries' parameter is set as appropriate for all the users.    This rule produces /etc/user_attr file entries for review.</t>
  </si>
  <si>
    <t>* 8.1.8 Timeout idle sessions - Set a timeout</t>
  </si>
  <si>
    <t>* User Intervention Required: User should enter the appropriate timeout value in seconds for automatically terminating idle ESXi Shell and SSH sessions.    This rule verifies that appropriate timeout for automatically terminating idle ESXi Shell and SSH sessions is set.</t>
  </si>
  <si>
    <t>* 8.1.8 Timeout idle sessions - Set a timeout for the ESXi Shell</t>
  </si>
  <si>
    <t>* User Intervention Required: User should enter the appropriate timeout value in seconds for ESXi shell.    This rule verifies that appropriate timeout for ESXi shell is set.</t>
  </si>
  <si>
    <t>Payment Card Industry DSS 3.1 - Windows vSphere 5.1 Web Client</t>
  </si>
  <si>
    <t>* 8.1.8 Timeout idle sessions - Set a timeout for web-client login without activity</t>
  </si>
  <si>
    <t>* User Intervention Required: User should enter a time out value for Web Client as appropriate.    This rule verifies that a time out value for Web Client is set as appropriate.</t>
  </si>
  <si>
    <t>Payment Card Industry DSS 3.1 - Windows vSphere 5.5 Web Client</t>
  </si>
  <si>
    <t>* 8.2.1 Unreadable authentication credentials - Use the vSphere Authentication Proxy</t>
  </si>
  <si>
    <t>vCenter Host Profiles</t>
  </si>
  <si>
    <t>* User Intervention Required: User should enter the host profile name as appropriate.    This rule verifies that "JoinDomain Method" setting is configured to "Use vSphere Authentication Proxy to add the host to Domain" in the appropriate Host Profile.</t>
  </si>
  <si>
    <t>* 8.2.3 Verify password complexity - Establish a password policy for password complexity</t>
  </si>
  <si>
    <t>* User Intervention Required: User should enter the value for password complexity configuration as appropriate.    This rule verifies that password complexity is configured as appropriate.</t>
  </si>
  <si>
    <t>* 8.5 Verify use of system accounts - Accounts: Administrator account status</t>
  </si>
  <si>
    <t>* User Intervention Required: User should enter the administrator account name as appropriate.    This rule verifies that administrator account is disabled.</t>
  </si>
  <si>
    <t>* 8.5 Verify use of system accounts - Accounts: Guest account status</t>
  </si>
  <si>
    <t>* User Intervention Required: User should enter the Guest account name as appropriate.    This rule verifies that the guest account is disabled.</t>
  </si>
  <si>
    <t>1.1.4 Requirements for a firewall - Configure the ESXi host firewall to restrict access to services</t>
  </si>
  <si>
    <t>This rule verifies that for enabled services on the host the connections cannot be established from All IP addresses.</t>
  </si>
  <si>
    <t>1.1.4 Requirements for a firewall - Domain: Allow ICMP exceptions</t>
  </si>
  <si>
    <t>This control defines the set of Internet Control Message Protocol (ICMP) message types that Windows Firewall allows. For all profiles, the recommended state for this setting is Disabled.</t>
  </si>
  <si>
    <t>1.1.4 Requirements for a firewall - Domain: Allow unicast response</t>
  </si>
  <si>
    <t>The firewall included with Windows 2012 allows for more precise control of its configuration.  To control these settings, within the Windows This profile applies when a computer is connected to a network and authenticates to a domain controller in the domain to which the computer belongs.  This option is useful if you need to control whether this computer receives unicast responses to its outgoing multicast or broadcast messages. If you enable this rule setting and this computer sends multicast or broadcast messages to other computers, Windows Firewall with Advanced Security waits as long as three seconds for unicast responses from the other computers and then blocks all later responses. If you disable this rule setting and this computer sends a multicast or broadcast message to other computers, Windows Firewall with Advanced Security blocks the unicast responses sent by those other computers.  The default setting is No.</t>
  </si>
  <si>
    <t>The firewall included with Windows 7 allows for more precise control of its configuration.  To control these settings, within the Windows This profile applies when a computer is connected to a network and authenticates to a domain controller in the domain to which the computer belongs.  This option is useful if you need to control whether this computer receives unicast responses to its outgoing multicast or broadcast messages. If you enable this rule setting and this computer sends multicast or broadcast messages to other computers, Windows Firewall with Advanced Security waits as long as three seconds for unicast responses from the other computers and then blocks all later responses. If you disable this rule setting and this computer sends a multicast or broadcast message to other computers, Windows Firewall with Advanced Security blocks the unicast responses sent by those other computers.  The default setting is No.</t>
  </si>
  <si>
    <t>This option is useful if you need to control whether this computer receives unicast responses to its outgoing multicast or broadcast messages.</t>
  </si>
  <si>
    <t>1.1.4 Requirements for a firewall - Domain: Apply local connection security rules</t>
  </si>
  <si>
    <t>This rule setting controls whether local administrators are allowed to create connection security rules that apply together with connection security rules configured by Group Policy. The default setting is Yes.</t>
  </si>
  <si>
    <t>This rule verifies whether local administrators are allowed to create connection security rules that apply together with connection security rules configured by Group Policy.</t>
  </si>
  <si>
    <t>1.1.4 Requirements for a firewall - Domain: Apply local firewall rules</t>
  </si>
  <si>
    <t>This rule setting controls whether local administrators are allowed to create local firewall rules that apply together with firewall rules configured by Group Policy. The default setting is Yes.</t>
  </si>
  <si>
    <t>This rule verifies whether local administrators are allowed to create local firewall rules that apply together with firewall rules configured by Group Policy.</t>
  </si>
  <si>
    <t>1.1.4 Requirements for a firewall - Domain: Display a notification</t>
  </si>
  <si>
    <t>This profile applies when a computer is connected to a network and authenticates to a domain controller in the domain to which the computer belongs.  Select this option to have Windows Firewall with Advanced Security display notifications to the user when a program is blocked from receiving inbound connections.  The default setting is Yes (default).</t>
  </si>
  <si>
    <t>Select this option to have Windows Firewall with Advanced Security display notifications to the user when a program is blocked from receiving inbound connections.</t>
  </si>
  <si>
    <t>1.1.4 Requirements for a firewall - Domain: Firewall state</t>
  </si>
  <si>
    <t>This profile applies when a computer is connected to a network and authenticates to a domain controller in the domain to which the computer belongs.  Select On to have Windows Firewall with Advanced Security use the settings for this profile to filter network traffic. If you select Off, Windows Firewall with Advanced Security will not use any of the firewall rules or connection security rules for this profile.  The default setting is Enabled.</t>
  </si>
  <si>
    <t>Select On (recommended) to have Windows Firewall with Advanced Security use the settings for this profile to filter network traffic. If you select Off, Windows Firewall with Advanced Security will not use any of the firewall rules or connection security rules for this profile.</t>
  </si>
  <si>
    <t>1.1.4 Requirements for a firewall - Domain: Inbound connections</t>
  </si>
  <si>
    <t>This control defines whether inbound connections are blocked or allowed to connect to the system for this profile. For all profiles, the recommended state for this setting is Block.</t>
  </si>
  <si>
    <t>This profile applies when a computer is connected to a network and authenticates to a domain controller in the domain to which the computer belongs.  This rule setting determines the behavior for inbound connections that do not match an inbound firewall rule.  The default setting is Block (default).</t>
  </si>
  <si>
    <t>1.1.4 Requirements for a firewall - Domain: Inbound Connections</t>
  </si>
  <si>
    <t>This rule verifies the behavior for inbound connections that do not match an inbound firewall rule. The default behavior is to block connections unless there are firewall rules to allow the connection.</t>
  </si>
  <si>
    <t>1.1.4 Requirements for a firewall - Domain: Logging: Log dropped packets</t>
  </si>
  <si>
    <t>Use this option to log when Windows Firewall with Advanced Security discards an inbound packet for any reason.</t>
  </si>
  <si>
    <t>1.1.4 Requirements for a firewall - Domain: Logging: Log successful connections</t>
  </si>
  <si>
    <t>Use this option to log when Windows Firewall with Advanced Security allows an inbound connection. The log records why and when the connection was formed. Look for entries with the word ALLOW in the action column of the log.</t>
  </si>
  <si>
    <t>1.1.4 Requirements for a firewall - Domain: Logging: Name</t>
  </si>
  <si>
    <t>Use this option to specify the path and name of the file in which Windows Firewall will write its log information.</t>
  </si>
  <si>
    <t>1.1.4 Requirements for a firewall - Domain: Logging: Size limit (KB)</t>
  </si>
  <si>
    <t>Use this option to specify the size limit of the file in which Windows Firewall will write its log information.</t>
  </si>
  <si>
    <t>1.1.4 Requirements for a firewall - Domain: Outbound connections</t>
  </si>
  <si>
    <t>This rule setting determines the behavior for outbound connections that do not match an outbound firewall rule. In Windows Vista, the default behavior is to allow connections unless there are firewall rules that block the connection.  The default setting is Allow.</t>
  </si>
  <si>
    <t>This rule verifies the behavior for outbound connections that do not match an outbound firewall rule.</t>
  </si>
  <si>
    <t>1.1.4 Requirements for a firewall - Domain: Prohibit notifications</t>
  </si>
  <si>
    <t>This control defines whether Windows Firewall will display notifications to users when a program requests an exception be added to the Windows Firewall. For all profiles, the recommended state for this setting is Disabled.</t>
  </si>
  <si>
    <t>1.1.4 Requirements for a firewall - Domain: Protect all network connections</t>
  </si>
  <si>
    <t>This control defines whether the Windows Firewall is enabled for this profile. For all profiles, the recommended state for this setting is Enabled.</t>
  </si>
  <si>
    <t>1.1.4 Requirements for a firewall - Enable IP6tables</t>
  </si>
  <si>
    <t>Services - Network</t>
  </si>
  <si>
    <t>This rule verifies that ip6tables service is enabled and running.</t>
  </si>
  <si>
    <t>1.1.4 Requirements for a firewall - Enable IPtables</t>
  </si>
  <si>
    <t>This rule verifies that iptables service is enabled and running.</t>
  </si>
  <si>
    <t>1.1.4 Requirements for a firewall - Install TCP Wrappers</t>
  </si>
  <si>
    <t>This rule verifies that tcp_wrappers package is installed.</t>
  </si>
  <si>
    <t>This rule verifies that 'tcpd' package exists.</t>
  </si>
  <si>
    <t>1.1.4 Requirements for a firewall - Private: Allow unicast response</t>
  </si>
  <si>
    <t>This profile only applies if a user with local administrator privileges assigns it to a network that was previously set to use the Public profile. Microsoft recommends only changing the profile to Private for a trusted network.  This option is useful if you need to control whether this computer receives unicast responses to its outgoing multicast or broadcast messages. If you enable this rule setting and this computer sends multicast or broadcast messages to other computers, Windows Firewall with Advanced Security waits as long as three seconds for unicast responses from the other computers and then blocks all later responses. If you disable this rule setting and this computer sends a multicast or broadcast message to other computers, Windows Firewall with Advanced Security blocks the unicast responses sent by those other computers.  The default setting is No.</t>
  </si>
  <si>
    <t>1.1.4 Requirements for a firewall - Private: Apply local connection security rules</t>
  </si>
  <si>
    <t>This setting only controls whether local administrators are allowed to create connection security rules that apply together with connection security rules configured by Group Policy.  The default setting is Yes (Default).</t>
  </si>
  <si>
    <t>1.1.4 Requirements for a firewall - Private: Apply local firewall rules</t>
  </si>
  <si>
    <t>This setting controls whether local administrators are allowed to create local firewall rules that apply together with firewall rules configured by Group Policy.  The default setting is Yes (Default).</t>
  </si>
  <si>
    <t>1.1.4 Requirements for a firewall - Private: Display a notification</t>
  </si>
  <si>
    <t>This profile only applies if a user with local administrator privileges assigns it to a network that was previously set to use the Public profile. Microsoft recommends only changing the profile to Private for a trusted network.  Select this option to have Windows Firewall with Advanced Security display notifications to the user when a program is blocked from receiving inbound connections.  The default setting is Yes (Default).</t>
  </si>
  <si>
    <t>1.1.4 Requirements for a firewall - Private: Firewall state</t>
  </si>
  <si>
    <t>This control defines if the Windows Firewall will use the settings for this profile to filter network traffic. If set to off, the Windows Firewall will not use any of the firewall rules or connection security rules for this profile. For all profiles, the recommended state for this setting is On.</t>
  </si>
  <si>
    <t>This profile only applies if a user with local administrator privileges assigns it to a network that was previously set to use the Public profile. Microsoft recommends only changing the profile to Private for a trusted network.  Select On to have Windows Firewall with Advanced Security use the settings for this profile to filter network traffic. If you select Off, Windows Firewall with Advanced Security will not use any of the firewall rules or connection security rules for this profile.  The default setting is On (Recommended).</t>
  </si>
  <si>
    <t>1.1.4 Requirements for a firewall - Private: Inbound Connections</t>
  </si>
  <si>
    <t>This control defines whether inbound connections are blocked or allowed to connect to the system. For all profiles, the recommended state for this setting is Block.</t>
  </si>
  <si>
    <t>1.1.4 Requirements for a firewall - Private: Inbound connections</t>
  </si>
  <si>
    <t>This profile only applies if a user with local administrator privileges assigns it to a network that was previously set to use the Public profile. Microsoft recommends only changing the profile to Private for a trusted network.  This rule setting determines the behavior for inbound connections that do not match an inbound firewall rule.  The default setting is Block (Default).</t>
  </si>
  <si>
    <t>1.1.4 Requirements for a firewall - Private: Logging: Log dropped packets</t>
  </si>
  <si>
    <t>Use this option to log when Windows Firewall with Advanced Security discards an inbound packet for any reason. The log records why and when the packet was dropped. Look for entries with the word DROP in the action column of the log.</t>
  </si>
  <si>
    <t>1.1.4 Requirements for a firewall - Private: Logging: Log successful connections</t>
  </si>
  <si>
    <t>1.1.4 Requirements for a firewall - Private: Logging: Name</t>
  </si>
  <si>
    <t>1.1.4 Requirements for a firewall - Private: Logging: Size limit (KB)</t>
  </si>
  <si>
    <t>1.1.4 Requirements for a firewall - Private: Outbound connections</t>
  </si>
  <si>
    <t>This rule setting determines the behavior for outbound connections that do not match an outbound firewall rule. The default behavior is to allow connections unless there are firewall rules that block the connection.  The default setting is Allow.</t>
  </si>
  <si>
    <t>1.1.4 Requirements for a firewall - Public: Allow unicast response</t>
  </si>
  <si>
    <t>This profile is the default network location type when the computer is not connected to a domain. Public profile settings should be the most restrictive because the computer is connected to a public network where security cannot be as tightly controlled as within an IT environment.  This option is useful if you need to control whether this computer receives unicast responses to its outgoing multicast or broadcast messages. If you enable this rule setting and this computer sends multicast or broadcast messages to other computers, Windows Firewall with Advanced Security waits as long as three seconds for unicast responses from the other computers and then blocks all later responses. If you disable this rule setting and this computer sends a multicast or broadcast message to other computers, Windows Firewall with Advanced Security blocks the unicast responses sent by those other computers.  The default setting is No.</t>
  </si>
  <si>
    <t>1.1.4 Requirements for a firewall - Public: Apply local connection security rules</t>
  </si>
  <si>
    <t>This control defines whether a local administrator is allowed to create local connection security rules that apply together with connection security rules configured by Group policy. For all profiles, the recommended state for this setting is No.</t>
  </si>
  <si>
    <t>This profile is the default network location type when the computer is not connected to a domain. Public profile settings should be the most restrictive because the computer is connected to a public network where security cannot be as tightly controlled as within an IT environment.  This rule setting controls whether local administrators are allowed to create connection security rules that apply together with connection security rules configured by Group Policy. If you configure this rule setting to No, administrators can still create firewall rules, but the rules will not be applied.  The default setting is No.</t>
  </si>
  <si>
    <t>1.1.4 Requirements for a firewall - Public: Apply local firewall rules</t>
  </si>
  <si>
    <t>This control defines whether a local administrator is allowed to create local firewall rules that apply together with firewall rules configured by Group policy. For all profiles, the recommended state for this setting is No.</t>
  </si>
  <si>
    <t>This profile is the default network location type when the computer is not connected to a domain. Public profile settings should be the most restrictive because the computer is connected to a public network where security cannot be as tightly controlled as within an IT environment.  This rule setting controls whether local administrators are allowed to create local firewall rules that apply together with firewall rules configured by Group Policy. If you configure this rule setting to No, administrators can still create firewall rules, but the rules will not be applied.  The default setting is No.</t>
  </si>
  <si>
    <t>1.1.4 Requirements for a firewall - Public: Display a notification</t>
  </si>
  <si>
    <t>This control defines whether Windows Firewall displays notifications when a program is blocked from receiving inbound connections. For all profiles, the recommended state for this setting is No.</t>
  </si>
  <si>
    <t>This profile is the default network location type when the computer is not connected to a domain. Public profile settings should be the most restrictive because the computer is connected to a public network where security cannot be as tightly controlled as within an IT environment.  Select this option to have Windows Firewall with Advanced Security display notifications to the user when a program is blocked from receiving inbound connections.  The default setting is No.</t>
  </si>
  <si>
    <t>1.1.4 Requirements for a firewall - Public: Firewall state</t>
  </si>
  <si>
    <t>This control defines if the Windows Firewall will use the settings for this profile to filter network traffic. If set to off, the Windows Firewall will not use any of the firewall rules or connection securityrules for this profile. For all profiles, the recommended state for this setting is On.</t>
  </si>
  <si>
    <t>This profile is the default network location type when the computer is not connected to a domain. Public profile settings should be the most restrictive because the computer is connected to a public network where security cannot be as tightly controlled as within an IT environment.  Select On to have Windows Firewall with Advanced Security use the settings for this profile to filter network traffic. If you select Off, Windows Firewall with Advanced Security will not use any of the firewall rules or connection security rules for this profile.  The default setting is On (Recommended).</t>
  </si>
  <si>
    <t>1.1.4 Requirements for a firewall - Public: Inbound Connections</t>
  </si>
  <si>
    <t>1.1.4 Requirements for a firewall - Public: Inbound connections</t>
  </si>
  <si>
    <t>This profile is the default network location type when the computer is not connected to a domain. Public profile settings should be the most restrictive because the computer is connected to a public network where security cannot be as tightly controlled as within an IT environment.  This rule setting determines the behavior for inbound connections that do not match an inbound firewall rule.  The default setting is Block (Default).</t>
  </si>
  <si>
    <t>1.1.4 Requirements for a firewall - Public: Logging: Log dropped packets</t>
  </si>
  <si>
    <t>1.1.4 Requirements for a firewall - Public: Logging: Log successful connections</t>
  </si>
  <si>
    <t>1.1.4 Requirements for a firewall - Public: Logging: Name</t>
  </si>
  <si>
    <t>1.1.4 Requirements for a firewall - Public: Logging: Size limit (KB)</t>
  </si>
  <si>
    <t>1.1.4 Requirements for a firewall - Public: Outbound connections</t>
  </si>
  <si>
    <t>This profile setting determines the behavior for outbound connections that do not match an outbound firewall rule. The default behavior is to allow connections unless there are firewall rules that block the connection. The default setting is Allow.</t>
  </si>
  <si>
    <t>1.1.4 Requirements for a firewall - Standard: Allow ICMP exceptions</t>
  </si>
  <si>
    <t>1.1.4 Requirements for a firewall - Standard: Prohibit notifications</t>
  </si>
  <si>
    <t>1.1.4 Requirements for a firewall - Standard: Protect all network connections</t>
  </si>
  <si>
    <t>1.1.4 Requirements for a firewall - SuSEfirewall2 is active</t>
  </si>
  <si>
    <t>This rule verifies that below services are running:    SuSEfirewall2_init  SuSEfirewall2_setup</t>
  </si>
  <si>
    <t>1.1.4 Requirements for a firewall - TCP Wrappers - installing TCP Wrappers</t>
  </si>
  <si>
    <t>This rule verifies that netsec.options package is installed.</t>
  </si>
  <si>
    <t>1.1.4 Requirements for a firewall - The system must employ a local IPv4 firewall</t>
  </si>
  <si>
    <t>This rule verifies that 'iptables' service is running.</t>
  </si>
  <si>
    <t>1.1.4 Requirements for a firewall - The system must employ a local IPv6 firewall</t>
  </si>
  <si>
    <t>This rule verifies that 'ip6tables' service is running.</t>
  </si>
  <si>
    <t>1.1.4 Requirements for a firewall - Verify Permissions on /etc/hosts.allow</t>
  </si>
  <si>
    <t>This rule verifies that permissions on the file /etc/hosts.allow are 644.</t>
  </si>
  <si>
    <t>This rule verifies that /etc/hosts.allow file has permissions of 644.</t>
  </si>
  <si>
    <t>1.1.4 Requirements for a firewall - Verify Permissions on /etc/hosts.deny</t>
  </si>
  <si>
    <t>This rule verifies that permissions on the file /etc/hosts.deny are 644.</t>
  </si>
  <si>
    <t>1.2.1 Restrict inbound and outbound traffic - Configure TCP Wrappers - hosts.deny</t>
  </si>
  <si>
    <t>This rule verifies that an entry "ALL: ALL" exists in hosts.deny file.</t>
  </si>
  <si>
    <t>1.2.1 Restrict inbound and outbound traffic - Configure TCP Wrappers - inetadm</t>
  </si>
  <si>
    <t>This rule verifies that tcp_wrappers is set to TRUE.</t>
  </si>
  <si>
    <t>1.2.1 Restrict inbound and outbound traffic - Create /etc/hosts.deny</t>
  </si>
  <si>
    <t>This rule verifies that /etc/hosts.deny file has below entry:    ALL: ALL</t>
  </si>
  <si>
    <t>1.2.1 Restrict inbound and outbound traffic - IPv4 firewall must implement deny-all</t>
  </si>
  <si>
    <t>This rule verifies that the below line exists in iptables file:    :INPUT DROP [0:0]</t>
  </si>
  <si>
    <t>1.2.1 Restrict inbound and outbound traffic - IPv6 firewall must implement a deny-all</t>
  </si>
  <si>
    <t>This rule verifies that the below line exists in ip6tables file:    :INPUT DROP [0:0]</t>
  </si>
  <si>
    <t>1.2.1 Restrict inbound and outbound traffic - TCP Wrappers - creating a hosts.deny file</t>
  </si>
  <si>
    <t>1.2.1 Restrict inbound and outbound traffic - TCP Wrappers - wrapping inetd services</t>
  </si>
  <si>
    <t>This rule verifies that for all services, the path is set to /usr/sbin/tcpd.</t>
  </si>
  <si>
    <t>1.2.1 Restrict inbound and outbound traffic - The systems local firewall must implement a deny-all</t>
  </si>
  <si>
    <t>This rule verifies that the below line exists in iptables file:    :FORWARD DROP [0:0]</t>
  </si>
  <si>
    <t>1.2.1 Restrict inbound and outbound traffic - Verify Permissions on /etc/hosts.deny</t>
  </si>
  <si>
    <t>This rule verifies that /etc/hosts.deny file has permissions of 644.</t>
  </si>
  <si>
    <t>This rule verifies that Windows Event Log service is running and its startup type is set to 'Automatic'.</t>
  </si>
  <si>
    <t>10.1 Verify auditing - Alert the SA when the audit storage volume approaches capacity</t>
  </si>
  <si>
    <t>This rule verifies that 'space_left_action' parameter exists and is set to email.</t>
  </si>
  <si>
    <t>10.1 Verify auditing - Auditing must be enabled at boot by setting a kernel parameter</t>
  </si>
  <si>
    <t>This rule verifies that audit=1 is set in /boot/grub/grub.conf file.</t>
  </si>
  <si>
    <t>10.1 Verify auditing - Configure Solaris Auditing - active audit policies</t>
  </si>
  <si>
    <t>This rule verifies that 'active audit policies' is set to 'argv,cnt,zonename'.</t>
  </si>
  <si>
    <t>10.1 Verify auditing - Configure Solaris Auditing - active non-attributable audit flags</t>
  </si>
  <si>
    <t>This rule verifies that 'active non-attributable audit flags' is set to 'lo(0x1000,0x1000)'.</t>
  </si>
  <si>
    <t>10.1 Verify auditing - Configure Solaris Auditing - active user default audit flags</t>
  </si>
  <si>
    <t>This rule verifies that 'active user default audit flags' is set to 'cis,ex,aa,ua,as,ss,lo,ft(0x1000000800f1080,0x1000000800f1080)'.</t>
  </si>
  <si>
    <t>10.1 Verify auditing - Configure Solaris Auditing - Attributes</t>
  </si>
  <si>
    <t>This rule verifies that 'Attributes' is set to 'p_dir=/var/audit;p_fsize=0;p_minfree=1;'.</t>
  </si>
  <si>
    <t>10.1 Verify auditing - Configure Solaris Auditing - audit condition</t>
  </si>
  <si>
    <t>This rule verifies that 'audit condition' is set to 'auditing'.</t>
  </si>
  <si>
    <t>10.1 Verify auditing - Configure Solaris Auditing - audit file size</t>
  </si>
  <si>
    <t>This rule verifies that file names like '*.not_terminated.*' under /var/audit directory have a non-zero file size.</t>
  </si>
  <si>
    <t>10.1 Verify auditing - Configure Solaris Auditing - configured audit policies</t>
  </si>
  <si>
    <t>This rule verifies that 'configured audit policies' is set to 'argv,cnt,zonename'.</t>
  </si>
  <si>
    <t>10.1 Verify auditing - Configure Solaris Auditing - configured non-attributable audit flags</t>
  </si>
  <si>
    <t>This rule verifies that 'configured non-attributable audit flags' is set to 'lo(0x1000,0x1000)'.</t>
  </si>
  <si>
    <t>10.1 Verify auditing - Configure Solaris Auditing - configured user default audit flags</t>
  </si>
  <si>
    <t>This rule verifies that 'configured user default audit flags' is set to 'cis,ex,aa,ua,as,ss,lo,ft(0x1000000800f1080,0x1000000800f1080)'.</t>
  </si>
  <si>
    <t>10.1 Verify auditing - Configure Solaris Auditing - Plugin</t>
  </si>
  <si>
    <t>This rule verifies that 'Plugin' is set to 'audit_binfile (active)'.</t>
  </si>
  <si>
    <t>10.1 Verify auditing - Configure Solaris Auditing - userattr</t>
  </si>
  <si>
    <t>This rule verifies that 'audit_flags' for user root is set to 'lo,ad,ft,ex,cis:no'.</t>
  </si>
  <si>
    <t>10.1 Verify auditing - Create CIS Audit Class</t>
  </si>
  <si>
    <t>This rule verifies that CIS Audit Class exists.</t>
  </si>
  <si>
    <t>10.1 Verify auditing - Disable System on Audit Log Full</t>
  </si>
  <si>
    <t>This rule verifies that below configuration parameters are set:    space_left_action = email   action_mail_acct = root   admin_space_left_action = halt</t>
  </si>
  <si>
    <t>This rule verifies that below parameters are set:    space_left_action = email   action_mail_acct = root   admin_space_left_action = halt</t>
  </si>
  <si>
    <t>10.1 Verify auditing - Enable auditd Service</t>
  </si>
  <si>
    <t>This rule verifies that auditd service is enabled and running.</t>
  </si>
  <si>
    <t>Processes - Active</t>
  </si>
  <si>
    <t>This rule verifies that auditd is running.</t>
  </si>
  <si>
    <t>This rule verifies that auditd service is running.</t>
  </si>
  <si>
    <t>10.1 Verify auditing - Enable Auditing for Processes That Start Prior to auditd</t>
  </si>
  <si>
    <t>10.1 Verify auditing - Enable process accounting at boot time</t>
  </si>
  <si>
    <t>System Init - Startup Scripts</t>
  </si>
  <si>
    <t>This rule verifies that S99acct script exists.</t>
  </si>
  <si>
    <t>10.1 Verify auditing - Enable System Accounting - /var/adm/sa non-exmpty</t>
  </si>
  <si>
    <t>This rule verifies that /var/adm/sa directory is non-empty.</t>
  </si>
  <si>
    <t>10.1 Verify auditing - Enable System Accounting - cron job sa1</t>
  </si>
  <si>
    <t>This rule verifies that cron job for sa1 exists.</t>
  </si>
  <si>
    <t>10.1 Verify auditing - Enable System Accounting - cron job sa2</t>
  </si>
  <si>
    <t>This rule verifies that cron job for sa2 exists.</t>
  </si>
  <si>
    <t>10.1 Verify auditing - Keep All Auditing Information</t>
  </si>
  <si>
    <t>This rule verifies that the 'max_log_file_action' configuration parameter is set to 'keep_logs'.</t>
  </si>
  <si>
    <t>This rule verifies that 'max_log_file_action' parameter is set to 'keep_logs'.</t>
  </si>
  <si>
    <t>10.1 Verify auditing - Make the Audit Configuration Immutable</t>
  </si>
  <si>
    <t>This rule verifies that below line exists in audit.rules file:    -e 2</t>
  </si>
  <si>
    <t>10.1 Verify auditing - Miscellaneous Config - enable sar accounting - bos.acct</t>
  </si>
  <si>
    <t>This rule verifies that bos.acct package is installed.</t>
  </si>
  <si>
    <t>10.1 Verify auditing - Miscellaneous Enhancements - AIX Auditing - /audit mount point</t>
  </si>
  <si>
    <t>This rule verifies that /audit mount point exists.</t>
  </si>
  <si>
    <t>10.1 Verify auditing - Miscellaneous Enhancements - AIX Auditing - cronaudit</t>
  </si>
  <si>
    <t>This rule verifies that a cron job exists for cronaudit script.</t>
  </si>
  <si>
    <t>10.1 Verify auditing - Miscellaneous Enhancements - AIX Auditing - inittab</t>
  </si>
  <si>
    <t>This rule verifies that there is an entry for audit in /etc/inittab.</t>
  </si>
  <si>
    <t>10.1 Verify auditing - Take appropriate action when the audit storage volume is full</t>
  </si>
  <si>
    <t>This rule verifies that 'disk_full_action' parameter is set to SYSLOG, EXEC, SINGLE or HALT.</t>
  </si>
  <si>
    <t>10.1 Verify auditing - Take appropriate action when there are disk errors</t>
  </si>
  <si>
    <t>This rule verifies that 'disk_error_action' parameter is set to SYSLOG, EXEC, SINGLE or HALT.</t>
  </si>
  <si>
    <t>10.1 Verify auditing - The operating system must back up audit record</t>
  </si>
  <si>
    <t>This rule verifies that rsyslog is configured to send logs to remote log host.</t>
  </si>
  <si>
    <t>10.1 Verify auditing - The operating system must produce audit records</t>
  </si>
  <si>
    <t>10.1 Verify auditing - The system must forward audit records to the syslog service</t>
  </si>
  <si>
    <t>This rule verifies that 'active' parameter is set to yes.</t>
  </si>
  <si>
    <t>10.1 Verify auditing - The system must retain enough rotated audit logs</t>
  </si>
  <si>
    <t>This rule verifies that 'num_logs' parameter exists and is set to 5.</t>
  </si>
  <si>
    <t>10.1 Verify auditing - The system must rotate audit log files that reach the maximum file size</t>
  </si>
  <si>
    <t>This rule verifies that 'max_log_file_action' parameter exists and is set to rotate.</t>
  </si>
  <si>
    <t>10.1 Verify auditing - The system must set a maximum audit log file size</t>
  </si>
  <si>
    <t>This rule verifies that 'max_log_file' parameter exists and is set to 6.</t>
  </si>
  <si>
    <t>10.1 Verify auditing - The system must use a separate file system for the system audit data path</t>
  </si>
  <si>
    <t>This rule verifies that /var/log/audit mount point exists.</t>
  </si>
  <si>
    <t>10.2.1 Verify logging - Accept Remote rsyslog Messages Only on Designated Log Hosts - 1</t>
  </si>
  <si>
    <t>This rule verifies that below line exists in rsyslog.conf file:    $ModLoad imtcp.so</t>
  </si>
  <si>
    <t>10.2.1 Verify logging - Accept Remote rsyslog Messages Only on Designated Log Hosts - 2</t>
  </si>
  <si>
    <t>This rule verifies that below line exists in rsyslog.conf file:    $InputTCPServerRun 514</t>
  </si>
  <si>
    <t>10.2.1 Verify logging - Activate the rsyslog Service</t>
  </si>
  <si>
    <t>This rule verifies that rsyslog service is enabled and running.</t>
  </si>
  <si>
    <t>This rule verifies that rsyslog is running.</t>
  </si>
  <si>
    <t>10.2.1 Verify logging - Capture syslog AUTH Messages - syslog</t>
  </si>
  <si>
    <t>This rule verifies that syslog service is running.</t>
  </si>
  <si>
    <t>10.2.1 Verify logging - Configure rsyslog to Send Logs to a Remote Log Host</t>
  </si>
  <si>
    <t>This rule verifies that below line exists in rsyslog.conf file:    *.* @@</t>
  </si>
  <si>
    <t>10.2.1 Verify logging - Configure syslog to Send Logs to a Remote Log Host</t>
  </si>
  <si>
    <t>This rule verifies that syslog is configured to send logs to remote log host.</t>
  </si>
  <si>
    <t>10.2.1 Verify logging - Configuring syslog - local logging - *.info;auth.none</t>
  </si>
  <si>
    <t>This rule verifies below entry in syslog file:    *.info;auth.none /var/adm/syslog</t>
  </si>
  <si>
    <t>10.2.1 Verify logging - Configuring syslog - local logging - syslog</t>
  </si>
  <si>
    <t>This rule verifies that /var/adm/syslog file exists.</t>
  </si>
  <si>
    <t>10.2.1 Verify logging - Configuring syslog - remote logging</t>
  </si>
  <si>
    <t>This rule verifies that logs are send to remote log host server.</t>
  </si>
  <si>
    <t>10.2.1 Verify logging - Configuring syslog - remote messages</t>
  </si>
  <si>
    <t>This rule verifies that syslogd is invoked with -r argument.</t>
  </si>
  <si>
    <t>10.2.1 Verify logging - Create and Set Permissions on rsyslog Log Files</t>
  </si>
  <si>
    <t>This rule verifies that permissions and user and group ownerships for below files are 600 and root:root respectively:    /var/log/messages  /var/log/secure  /var/log/maillog  /var/log/cron  /var/log/spooler  /var/log/boot.log</t>
  </si>
  <si>
    <t>10.2.1 Verify logging - Enable cron Logging</t>
  </si>
  <si>
    <t>This rule verifies that CRONLOG parameter is set to YES.</t>
  </si>
  <si>
    <t>10.2.1 Verify logging - Enable Debug Level Daemon Logging</t>
  </si>
  <si>
    <t>This rule verifies that the sub-system daemon with severity of debug logs in the /var/log/connlog file.</t>
  </si>
  <si>
    <t>10.2.1 Verify logging - Enable FTP daemon Logging</t>
  </si>
  <si>
    <t>This rule verifies that ftp service is invoked with -l and -d arguments.</t>
  </si>
  <si>
    <t>10.2.1 Verify logging - Enable logging from inetd</t>
  </si>
  <si>
    <t>This rule verifies that inetd is running with '-l' option.</t>
  </si>
  <si>
    <t>10.2.1 Verify logging - Ensure the rsyslog Service is activated</t>
  </si>
  <si>
    <t>This rule verifies that 'SYSLOG_DAEMON' parameter is set to 'rsyslog'.</t>
  </si>
  <si>
    <t>10.2.1 Verify logging - Install the rsyslog package</t>
  </si>
  <si>
    <t>This rule verifies that rsyslog is installed.</t>
  </si>
  <si>
    <t>This rule verifies that 'rsyslog' package exists.</t>
  </si>
  <si>
    <t>10.2.1 Verify logging - Turn on additional logging for FTP daemon</t>
  </si>
  <si>
    <t>This rule verifies that ftp is running with '-l' and '-L' options.</t>
  </si>
  <si>
    <t>This rule verifies that /var/log/btmp file exists.</t>
  </si>
  <si>
    <t>This rule verifies that /var/adm/btmps file exists.</t>
  </si>
  <si>
    <t>10.2.4 Verify invalid attempts are logged - Capture All Failed Login Attempts</t>
  </si>
  <si>
    <t>This rule verifies that SYSLOG_FAILED_LOGINS parameter is set to 0.</t>
  </si>
  <si>
    <t>10.2.4 Verify invalid attempts are logged - Capture syslog AUTH Messages - auth.info</t>
  </si>
  <si>
    <t>This rule verifies that the sub-system auth with severity of info logs in the /var/log/authlog file.</t>
  </si>
  <si>
    <t>10.2.4 Verify invalid attempts are logged - Configuring syslog - local logging - auth.info</t>
  </si>
  <si>
    <t>This rule verifies below entry in syslog file:    auth.info /var/adm/authlog</t>
  </si>
  <si>
    <t>10.2.4 Verify invalid attempts are logged - Configuring syslog - local logging - authlog</t>
  </si>
  <si>
    <t>This rule verifies that /var/adm/authlog file exists.</t>
  </si>
  <si>
    <t>10.2.4 Verify invalid attempts are logged - Enable Login Records</t>
  </si>
  <si>
    <t>This rule verifies that /var/adm/loginlog file exists.</t>
  </si>
  <si>
    <t>10.3 Verify audit event type - Account Logon: Credential Validation</t>
  </si>
  <si>
    <t>This rule verifies that the system will be configured to audit "Credential Validation" Successes.</t>
  </si>
  <si>
    <t>This rule verifies that the system will be configured to audit "Credential Validation" Success and Failure.</t>
  </si>
  <si>
    <t>This rule verifies that the results of validation tests on credentials submitted for a user account logon request.</t>
  </si>
  <si>
    <t>10.3 Verify audit event type - Account Logon: Kerberos Authentication</t>
  </si>
  <si>
    <t>This rule verifies that the system will be configured to audit "Kerberos Authentication" No Auditing.</t>
  </si>
  <si>
    <t>10.3 Verify audit event type - Account Logon: Kerberos Authentication Service</t>
  </si>
  <si>
    <t>This rule verifies that events generated by the Kerberos Authentication Server.</t>
  </si>
  <si>
    <t>10.3 Verify audit event type - Account Logon: Kerberos Service Ticket Operations</t>
  </si>
  <si>
    <t>This rule verifies that the system will be configured to audit "Kerberos Service Ticket Operations" No Auditing.</t>
  </si>
  <si>
    <t>This rule verifies that generated by Kerberos ticket request processes on the domain controller that is authoritative for the domain account.</t>
  </si>
  <si>
    <t>10.3 Verify audit event type - Account Logon: Other Account Logon Events</t>
  </si>
  <si>
    <t>This rule verifies that the system will be configured to audit "Other Account Logon Events" No Auditing.</t>
  </si>
  <si>
    <t>This rule verifies that the events that occur in response to credentials submitted for a user account logon request that do not relate to credential validation or Kerberos tickets.</t>
  </si>
  <si>
    <t>10.3 Verify audit event type - Account Management: Application Group Management</t>
  </si>
  <si>
    <t>This rule verifies that the system will be configured to audit "Application Group Management" No Auditing.</t>
  </si>
  <si>
    <t>This rule verifies that each event of application group management on a computer, such as when an application group is created, changed, or deleted or when a member is added to or removed from an application group.</t>
  </si>
  <si>
    <t>10.3 Verify audit event type - Account Management: Computer Account Management</t>
  </si>
  <si>
    <t>This rule verifies that the system will be configured to audit "Computer Account Management" Successes.</t>
  </si>
  <si>
    <t>This rule verifies that the system will be configured to audit "Computer Account Management" to Success and Failure.</t>
  </si>
  <si>
    <t>This rule verifies that the system will be configured to audit "Computer Account Management" to Success.</t>
  </si>
  <si>
    <t>This rule verifies that each event of computer account management, such as when a computer account is created, changed, deleted, renamed, disabled, or enabled.</t>
  </si>
  <si>
    <t>10.3 Verify audit event type - Account Management: Distribution Group Management</t>
  </si>
  <si>
    <t>This rule verifies that the system will be configured to audit "Distribution Group Management" to No Auditing.</t>
  </si>
  <si>
    <t>This rule verifies that each event of distribution group management, such as when a distribution group is created, changed, or deleted or when a member is added to or removed from a distribution group.</t>
  </si>
  <si>
    <t>10.3 Verify audit event type - Account Management: Other Account Management Events</t>
  </si>
  <si>
    <t>This rule verifies that the system will be configured to audit "Other Account Management Events" Successes.</t>
  </si>
  <si>
    <t>This rule verifies that the system will be configured to audit "Other Account Management Events" to Success and Failure.</t>
  </si>
  <si>
    <t>This rule verifies that other account management events.</t>
  </si>
  <si>
    <t>10.3 Verify audit event type - Account Management: Security Group Management</t>
  </si>
  <si>
    <t>This rule verifies that the system will be configured to audit "Security Group Management" Successes.</t>
  </si>
  <si>
    <t>This rule verifies that the system will be configured to audit "Security Group Management" to Success and Failure.</t>
  </si>
  <si>
    <t>This rule verifies that each event of security group management, such as when a security group is created, changed, or deleted or when a member is added to or removed from a security group.</t>
  </si>
  <si>
    <t>10.3 Verify audit event type - Account Management: User Account Management</t>
  </si>
  <si>
    <t>This rule verifies that the system will be configured to audit "User Account Management" Successes.</t>
  </si>
  <si>
    <t>This rule verifies that the system will be configured to audit "User Account Management" to Success and Failure.</t>
  </si>
  <si>
    <t>This rule verifies that each event of user account management, such as when a user account is created, changed, or deleted; a user account is renamed, disabled, or enabled; or a password is set or changed.</t>
  </si>
  <si>
    <t>10.3 Verify audit event type - Audit Account Logon Events</t>
  </si>
  <si>
    <t>Audit Policy</t>
  </si>
  <si>
    <t>This rule verifies that Account Logon events are audited for success and failure.</t>
  </si>
  <si>
    <t>10.3 Verify audit event type - Audit Account Management Events Enabled</t>
  </si>
  <si>
    <t>This rule verifies that Account Management events are audited for success and failure.</t>
  </si>
  <si>
    <t>10.3 Verify audit event type - Audit all attempts to alter system time through /etc/localtime</t>
  </si>
  <si>
    <t>This rule verifies that below line is present in audit.rules file:    -w /etc/localtime -p wa%</t>
  </si>
  <si>
    <t>10.3 Verify audit event type - Audit all attempts to alter system time through adjtimex</t>
  </si>
  <si>
    <t>This rule verifies that below line is present in audit.rules file:    -a exit,always -F arch=% -S adjtimex%</t>
  </si>
  <si>
    <t>10.3 Verify audit event type - Audit all attempts to alter system time through clock_settime</t>
  </si>
  <si>
    <t>This rule verifies that below line is present in audit.rules file:    -a exit,always -F arch=% -S clock_settime%</t>
  </si>
  <si>
    <t>10.3 Verify audit event type - Audit all attempts to alter system time through settimeofday</t>
  </si>
  <si>
    <t>This rule verifies that below line is present in audit.rules file:    -a exit,always -F arch=% -S settimeofday%</t>
  </si>
  <si>
    <t>10.3 Verify audit event type - Audit all attempts to alter system time through stime - settimeofday</t>
  </si>
  <si>
    <t>10.3 Verify audit event type - Audit all attempts to alter system time through stime - stime</t>
  </si>
  <si>
    <t>This rule verifies that below line is present in audit.rules file:    -a exit,always -F arch=% -S stime%</t>
  </si>
  <si>
    <t>10.3 Verify audit event type - Audit all DAC permission modifications using chmod</t>
  </si>
  <si>
    <t>This rule verifies that below line is present in audit.rules file:    -a exit,always -F arch=% -S chmod%</t>
  </si>
  <si>
    <t>10.3 Verify audit event type - Audit all DAC permission modifications using chown</t>
  </si>
  <si>
    <t>This rule verifies that below line is present in audit.rules file:    -a exit,always -F arch=% -S chown%</t>
  </si>
  <si>
    <t>10.3 Verify audit event type - Audit all DAC permission modifications using fchmod</t>
  </si>
  <si>
    <t>This rule verifies that below line is present in audit.rules file:    -a exit,always -F arch=% -S fchmod%</t>
  </si>
  <si>
    <t>10.3 Verify audit event type - Audit all DAC permission modifications using fchmodat</t>
  </si>
  <si>
    <t>This rule verifies that below line is present in audit.rules file:    -a exit,always -F arch=% -S fchmodat%</t>
  </si>
  <si>
    <t>10.3 Verify audit event type - Audit all DAC permission modifications using fchown</t>
  </si>
  <si>
    <t>This rule verifies that below line is present in audit.rules file:    -a exit,always -F arch=% -S fchown%</t>
  </si>
  <si>
    <t>10.3 Verify audit event type - Audit all DAC permission modifications using fchownat</t>
  </si>
  <si>
    <t>This rule verifies that below line is present in audit.rules file:    -a exit,always -F arch=% -S fchownat%</t>
  </si>
  <si>
    <t>10.3 Verify audit event type - Audit all DAC permission modifications using fremovexattr</t>
  </si>
  <si>
    <t>This rule verifies that below line is present in audit.rules file:    -a exit,always -F arch=% -S fremovexattr%</t>
  </si>
  <si>
    <t>10.3 Verify audit event type - Audit all DAC permission modifications using fsetxattr</t>
  </si>
  <si>
    <t>This rule verifies that below line is present in audit.rules file:    -a exit,always -F arch=% -S fsetxattr%</t>
  </si>
  <si>
    <t>10.3 Verify audit event type - Audit all DAC permission modifications using lchown</t>
  </si>
  <si>
    <t>This rule verifies that below line is present in audit.rules file:    -a exit,always -F arch=% -S lchown%</t>
  </si>
  <si>
    <t>10.3 Verify audit event type - Audit all DAC permission modifications using lremovexattr</t>
  </si>
  <si>
    <t>This rule verifies that below line is present in audit.rules file:    -a exit,always -F arch=% -S lremovexattr%</t>
  </si>
  <si>
    <t>10.3 Verify audit event type - Audit all DAC permission modifications using lsetxattr</t>
  </si>
  <si>
    <t>This rule verifies that below line is present in audit.rules file:    -a exit,always -F arch=% -S lsetxattr%</t>
  </si>
  <si>
    <t>10.3 Verify audit event type - Audit all DAC permission modifications using removexattr</t>
  </si>
  <si>
    <t>This rule verifies that below line is present in audit.rules file:    -a exit,always -F arch=% -S removexattr%</t>
  </si>
  <si>
    <t>10.3 Verify audit event type - Audit all DAC permission modifications using setxattr</t>
  </si>
  <si>
    <t>This rule verifies that below line is present in audit.rules file:    -a exit,always -F arch=% -S setxattr%</t>
  </si>
  <si>
    <t>10.3 Verify audit event type - Audit all use of setuid programs</t>
  </si>
  <si>
    <t>This rule verifies that below line is present in audit.rules file:    -a exit,always -F path=% -F perm=x%</t>
  </si>
  <si>
    <t>10.3 Verify audit event type - Audit changes to the /etc/sudoers file</t>
  </si>
  <si>
    <t>This rule verifies that below line is present in audit.rules file:    -w /etc/sudoers -p wa%</t>
  </si>
  <si>
    <t>10.3 Verify audit event type - Audit failed attempts to access files and programs - EACCES</t>
  </si>
  <si>
    <t>This rule verifies that below line is present in audit.rules file:    -a exit,always -F arch=% -S creat -S open -S openat -S truncate -S ftruncate -F exit=-EACCES%</t>
  </si>
  <si>
    <t>10.3 Verify audit event type - Audit failed attempts to access files and programs - EPERM</t>
  </si>
  <si>
    <t>This rule verifies that below line is present in audit.rules file:    -a exit,always -F arch=% -S creat -S open -S openat -S truncate -S ftruncate -F exit=-EPERM%</t>
  </si>
  <si>
    <t>10.3 Verify audit event type - Audit Logon Events Enabled</t>
  </si>
  <si>
    <t>This rule verifies that Logon events are audited for success and failure.</t>
  </si>
  <si>
    <t>10.3 Verify audit event type - Audit modifications to the systems MAC configuration</t>
  </si>
  <si>
    <t>This rule verifies that below line is present in audit.rules file:    -w /etc/selinux/ -p wa%</t>
  </si>
  <si>
    <t>10.3 Verify audit event type - Audit modifications to the systems network - /etc/issue.net</t>
  </si>
  <si>
    <t>This rule verifies that below line is present in audit.rules file:    -w /etc/issue.net -p wa%</t>
  </si>
  <si>
    <t>10.3 Verify audit event type - Audit modifications to the systems network - /etc/sysconfig/network</t>
  </si>
  <si>
    <t>This rule verifies that below line is present in audit.rules file:    -w /etc/sysconfig/network -p wa%</t>
  </si>
  <si>
    <t>10.3 Verify audit event type - Audit modifications to the systems network - setdomainname</t>
  </si>
  <si>
    <t>This rule verifies that below line is present in audit.rules file:    -a always,exit -F arch=% -S setdomainname%</t>
  </si>
  <si>
    <t>10.3 Verify audit event type - Audit modifications to the systems network - sethostname</t>
  </si>
  <si>
    <t>This rule verifies that below line is present in audit.rules file:    -a exit,always -F arch=% -S sethostname%</t>
  </si>
  <si>
    <t>10.3 Verify audit event type - Audit modifications to the systems network configuration - /etc/hosts</t>
  </si>
  <si>
    <t>This rule verifies that below line is present in audit.rules file:    -w /etc/hosts -p wa%</t>
  </si>
  <si>
    <t>10.3 Verify audit event type - Audit modifications to the systems network configuration - /etc/issue</t>
  </si>
  <si>
    <t>This rule verifies that below line is present in audit.rules file:    -w /etc/issue -p wa%</t>
  </si>
  <si>
    <t>10.3 Verify audit event type - Audit Object Access Events Enabled</t>
  </si>
  <si>
    <t>This rule verifies that Object Access events are audited for success and failure.</t>
  </si>
  <si>
    <t>10.3 Verify audit event type - Audit Policy Change Events Enabled</t>
  </si>
  <si>
    <t>This rule verifies that Policy Change events are audited for success.</t>
  </si>
  <si>
    <t>10.3 Verify audit event type - Audit successful file system mounts</t>
  </si>
  <si>
    <t>This rule verifies that below line is present in audit.rules file:    -a exit,always -F arch=% -S mount%</t>
  </si>
  <si>
    <t>10.3 Verify audit event type - Audit System Events Enabled</t>
  </si>
  <si>
    <t>This rule verifies that System Events are audited for success.</t>
  </si>
  <si>
    <t>10.3 Verify audit event type - Audit the loading and unloading of dynamic kernel modules</t>
  </si>
  <si>
    <t>This rule verifies that below line is present in audit.rules file:    -a exit,always -F arch=% -S init_module -S delete_module%</t>
  </si>
  <si>
    <t>10.3 Verify audit event type - Audit the loading and unloading of dynamic kernel modules - insmod</t>
  </si>
  <si>
    <t>This rule verifies that below line is present in audit.rules file:    -w /sbin/insmod -p x%</t>
  </si>
  <si>
    <t>10.3 Verify audit event type - Audit the loading and unloading of dynamic kernel modules - modprobe</t>
  </si>
  <si>
    <t>This rule verifies that below line is present in audit.rules file:    -w /sbin/modprobe -p x%</t>
  </si>
  <si>
    <t>10.3 Verify audit event type - Audit the loading and unloading of dynamic kernel modules - rmmod</t>
  </si>
  <si>
    <t>This rule verifies that below line is present in audit.rules file:    -w /sbin/rmmod -p x%</t>
  </si>
  <si>
    <t>10.3 Verify audit event type - Audit user deletions of files and programs</t>
  </si>
  <si>
    <t>This rule verifies that below line is present in audit.rules file:    -a exit,always -F arch=% -S unlink -S unlinkat -S rename -S renameat%</t>
  </si>
  <si>
    <t>10.3 Verify audit event type - Collect Changes to System Administration Scope  (sudoers)</t>
  </si>
  <si>
    <t>This rule verifies that below event is audited:    -w /etc/sudoers -p wa -k scope</t>
  </si>
  <si>
    <t>10.3 Verify audit event type - Collect DAC Permission Modification Events - 1</t>
  </si>
  <si>
    <t>This rule verifies that below event is audited:    -a always,exit -F arch=% -S chmod -S fchmod -S fchmodat -F auid&gt;=500 -F auid!=4294967295 -k perm_mod</t>
  </si>
  <si>
    <t>10.3 Verify audit event type - Collect DAC Permission Modification Events - 2</t>
  </si>
  <si>
    <t>This rule verifies that below event is audited:    -a always,exit -F arch=% -S chown -S fchown -S fchownat -S lchown -F auid&gt;=500 -F auid!=4294967295 -k perm_mod</t>
  </si>
  <si>
    <t>10.3 Verify audit event type - Collect DAC Permission Modification Events - 3</t>
  </si>
  <si>
    <t>This rule verifies that below event is audited:    -a always,exit -F arch=% -S setxattr -S lsetxattr -S fsetxattr -S removexattr -S lremovexattr -S fremovexattr -F auid&gt;=500 -F auid!=4294967295 -k perm_mod</t>
  </si>
  <si>
    <t>10.3 Verify audit event type - Collect Discretionary Access Control Permission Modification Events - 1</t>
  </si>
  <si>
    <t>10.3 Verify audit event type - Collect Discretionary Access Control Permission Modification Events - 2</t>
  </si>
  <si>
    <t>10.3 Verify audit event type - Collect Discretionary Access Control Permission Modification Events - 3</t>
  </si>
  <si>
    <t>10.3 Verify audit event type - Collect File Deletion Events by User</t>
  </si>
  <si>
    <t>This rule verifies that below event is audited:    -a always,exit -F arch=% -S unlink -S unlinkat -S rename -S renameat -F auid&gt;=500 -F auid!=4294967295 -k delete</t>
  </si>
  <si>
    <t>10.3 Verify audit event type - Collect Kernel Module Loading and Unloading - 1</t>
  </si>
  <si>
    <t>This rule verifies that below event is audited:    -w /sbin/insmod -p x -k modules</t>
  </si>
  <si>
    <t>10.3 Verify audit event type - Collect Kernel Module Loading and Unloading - 2</t>
  </si>
  <si>
    <t>This rule verifies that below event is audited:    -w /sbin/rmmod -p x -k modules</t>
  </si>
  <si>
    <t>10.3 Verify audit event type - Collect Kernel Module Loading and Unloading - 3</t>
  </si>
  <si>
    <t>This rule verifies that below event is audited:    -w /sbin/modprobe -p x -k modules</t>
  </si>
  <si>
    <t>10.3 Verify audit event type - Collect Kernel Module Loading and Unloading - 4</t>
  </si>
  <si>
    <t>This rule verifies that below event is audited:    -a always,exit arch=% -S init_module -S delete_module -k modules</t>
  </si>
  <si>
    <t>10.3 Verify audit event type - Collect Login and Logout Events - 1</t>
  </si>
  <si>
    <t>This rule verifies that below event is audited:    -w /var/log/faillog -p wa -k logins</t>
  </si>
  <si>
    <t>10.3 Verify audit event type - Collect Login and Logout Events - 2</t>
  </si>
  <si>
    <t>This rule verifies that below event is audited:    -w /var/log/lastlog -p wa -k logins</t>
  </si>
  <si>
    <t>10.3 Verify audit event type - Collect Login and Logout Events - 3</t>
  </si>
  <si>
    <t>This rule verifies that below event is audited:    -w /var/log/tallylog -p -wa -k logins</t>
  </si>
  <si>
    <t>10.3 Verify audit event type - Collect Session Initiation Information - 1</t>
  </si>
  <si>
    <t>This rule verifies that below event is audited:    -w /var/run/utmp -p wa -k session</t>
  </si>
  <si>
    <t>10.3 Verify audit event type - Collect Session Initiation Information - 2</t>
  </si>
  <si>
    <t>This rule verifies that below event is audited:    -w /var/log/wtmp -p wa -k session</t>
  </si>
  <si>
    <t>10.3 Verify audit event type - Collect Session Initiation Information - 3</t>
  </si>
  <si>
    <t>This rule verifies that below event is audited:    -w /var/log/btmp -p wa -k session</t>
  </si>
  <si>
    <t>10.3 Verify audit event type - Collect Successful File System Mounts</t>
  </si>
  <si>
    <t>This rule verifies that below event is audited:    -a always,exit -F arch=% -S mount -F auid&gt;=500 -F auid!=4294967295 -k mounts</t>
  </si>
  <si>
    <t>10.3 Verify audit event type - Collect System Administrator Actions (sudolog)</t>
  </si>
  <si>
    <t>This rule verifies that below event is audited:    -w /var/log/sudo.log -p wa -k actions</t>
  </si>
  <si>
    <t>10.3 Verify audit event type - Collect Unsuccessful Unauthorized Access Attempts to Files - 1</t>
  </si>
  <si>
    <t>This rule verifies that below event is audited:    -a always,exit -F arch=% -S creat -S open -S openat -S truncate -S ftruncate -F exit=-EACCES -F auid&gt;=500 -F auid!=4294967295 -k access</t>
  </si>
  <si>
    <t>10.3 Verify audit event type - Collect Unsuccessful Unauthorized Access Attempts to Files - 2</t>
  </si>
  <si>
    <t>This rule verifies that below event is audited:    -a always,exit -F arch=% -S creat -S open -S openat -S truncate -S ftruncate -F exit=-EPERM -F auid&gt;=500 -F auid!=4294967295 -k access</t>
  </si>
  <si>
    <t>10.3 Verify audit event type - Detailed Tracking: DPAPI Activity</t>
  </si>
  <si>
    <t>This rule verifies that the system will be configured to audit "DPAPI Activity" to No Auditing.</t>
  </si>
  <si>
    <t>This rule verifies that encrypt or decrypt calls into the data protections application interface (DPAPI). DPAPI is used to protect secret information such as stored password and key information.</t>
  </si>
  <si>
    <t>10.3 Verify audit event type - Detailed Tracking: Process Creation</t>
  </si>
  <si>
    <t>This rule verifies that the system will be configured to audit "Process Creation" Successes.</t>
  </si>
  <si>
    <t>This rule verifies that the system will be configured to audit "Process Creation" to Success.</t>
  </si>
  <si>
    <t>This rule verifies that the creation of a process and the name of the program or user that created it.</t>
  </si>
  <si>
    <t>10.3 Verify audit event type - Detailed Tracking: Process Termination</t>
  </si>
  <si>
    <t>This rule verifies that the system will be configured to audit "Process Termination" to No Auditing.</t>
  </si>
  <si>
    <t>This rule verifies that when a process terminates.</t>
  </si>
  <si>
    <t>10.3 Verify audit event type - Detailed Tracking: RPC Events</t>
  </si>
  <si>
    <t>This rule verifies that the system will be configured to audit "RPC Events" to No Auditing.</t>
  </si>
  <si>
    <t>This rule verifies that remote procedure call (RPC) connection events.</t>
  </si>
  <si>
    <t>10.3 Verify audit event type - DS Access: Detailed Directory Service Replication</t>
  </si>
  <si>
    <t>This rule verifies that the system will be configured to audit "Detailed Directory Service Replication" to No Auditing.</t>
  </si>
  <si>
    <t>This rule verifies that detailed information about the information replicating between domain controllers.</t>
  </si>
  <si>
    <t>10.3 Verify audit event type - DS Access: Directory Service Access</t>
  </si>
  <si>
    <t>This rule verifies that the system will be configured to audit "Directory Service Access" Successes.</t>
  </si>
  <si>
    <t>This rule verifies that the system will be configured to audit "Directory Service Access" to Success and Failure.</t>
  </si>
  <si>
    <t>This rule verifies that when an AD DS object is accessed. Only objects with SACLs cause audit events to be generated, and only when they are accessed in a manner that matches their SACL.</t>
  </si>
  <si>
    <t>10.3 Verify audit event type - DS Access: Directory Service Changes</t>
  </si>
  <si>
    <t>This rule verifies that the system will be configured to audit "Directory Service Changes" Successes.</t>
  </si>
  <si>
    <t>This rule verifies that the system will be configured to audit "Directory Service Changes" to Success and Failure.</t>
  </si>
  <si>
    <t>This rule verifies that changes to objects in Active Directory Domain Services (AD DS). The types of changes that are reported are create, modify, move, and undelete operations that are performed on an object.</t>
  </si>
  <si>
    <t>10.3 Verify audit event type - DS Access: Directory Service Replication</t>
  </si>
  <si>
    <t>This rule verifies that the system will be configured to audit "Directory Service Replication" to No Auditing.</t>
  </si>
  <si>
    <t>This rule verifies that when replication between two domain controllers begins and ends.</t>
  </si>
  <si>
    <t>10.3 Verify audit event type - Enable Auditing of File Metadata Modification Events - AUE_ACLSET</t>
  </si>
  <si>
    <t>This rule verifies that AUE_ACLSET event is configured in cis event class.</t>
  </si>
  <si>
    <t>10.3 Verify audit event type - Enable Auditing of File Metadata Modification Events - AUE_CHMOD</t>
  </si>
  <si>
    <t>This rule verifies that AUE_CHMOD event is configured in cis event class.</t>
  </si>
  <si>
    <t>10.3 Verify audit event type - Enable Auditing of File Metadata Modification Events - AUE_CHOWN</t>
  </si>
  <si>
    <t>This rule verifies that AUE_CHOWN event is configured in cis event class.</t>
  </si>
  <si>
    <t>10.3 Verify audit event type - Enable Auditing of File Metadata Modification Events - AUE_FACLSET</t>
  </si>
  <si>
    <t>This rule verifies that AUE_FACLSET event is configured in cis event class.</t>
  </si>
  <si>
    <t>10.3 Verify audit event type - Enable Auditing of File Metadata Modification Events - AUE_FCHMOD</t>
  </si>
  <si>
    <t>This rule verifies that AUE_FCHMOD event is configured in cis event class.</t>
  </si>
  <si>
    <t>10.3 Verify audit event type - Enable Auditing of File Metadata Modification Events - AUE_FCHOWN</t>
  </si>
  <si>
    <t>This rule verifies that AUE_FCHOWN event is configured in cis event class.</t>
  </si>
  <si>
    <t>10.3 Verify audit event type - Enable Auditing of File Metadata Modification Events - AUE_LCHOWN</t>
  </si>
  <si>
    <t>This rule verifies that AUE_LCHOWN event is configured in cis event class.</t>
  </si>
  <si>
    <t>10.3 Verify audit event type - Enable Auditing of Incoming Network Connections - AUE_ACCEPT</t>
  </si>
  <si>
    <t>This rule verifies that AUE_ACCEPT event is configured in cis event class.</t>
  </si>
  <si>
    <t>10.3 Verify audit event type - Enable Auditing of Incoming Network Connections - AUE_CONNECT</t>
  </si>
  <si>
    <t>This rule verifies that AUE_CONNECT event is configured in cis event class.</t>
  </si>
  <si>
    <t>10.3 Verify audit event type - Enable Auditing of Incoming Network Connections - AUE_inetd_connect</t>
  </si>
  <si>
    <t>This rule verifies that AUE_inetd_connect event is configured in cis event class.</t>
  </si>
  <si>
    <t>10.3 Verify audit event type - Enable Auditing of Incoming Network Connections - AUE_SOCKACCEPT</t>
  </si>
  <si>
    <t>This rule verifies that AUE_SOCKACCEPT event is configured in cis event class.</t>
  </si>
  <si>
    <t>10.3 Verify audit event type - Enable Auditing of Incoming Network Connections - AUE_SOCKCONNECT</t>
  </si>
  <si>
    <t>This rule verifies that AUE_SOCKCONNECT event is configured in cis event class.</t>
  </si>
  <si>
    <t>10.3 Verify audit event type - Enable Auditing of Process and Privilege Events - AUE_CHROOT</t>
  </si>
  <si>
    <t>This rule verifies that AUE_CHROOT event is configured in cis event class.</t>
  </si>
  <si>
    <t>10.3 Verify audit event type - Enable Auditing of Process and Privilege Events - AUE_FCHROOT</t>
  </si>
  <si>
    <t>This rule verifies that AUE_FCHROOT event is configured in cis event class.</t>
  </si>
  <si>
    <t>10.3 Verify audit event type - Enable Auditing of Process and Privilege Events - AUE_NICE</t>
  </si>
  <si>
    <t>This rule verifies that AUE_NICE event is configured in cis event class.</t>
  </si>
  <si>
    <t>10.3 Verify audit event type - Enable Auditing of Process and Privilege Events - AUE_PFEXEC</t>
  </si>
  <si>
    <t>This rule verifies that AUE_PFEXEC event is configured in cis event class.</t>
  </si>
  <si>
    <t>10.3 Verify audit event type - Enable Auditing of Process and Privilege Events - AUE_PRIOCNTLSYS</t>
  </si>
  <si>
    <t>This rule verifies that AUE_PRIOCNTLSYS event is configured in cis event class.</t>
  </si>
  <si>
    <t>10.3 Verify audit event type - Enable Auditing of Process and Privilege Events - AUE_SETEGID</t>
  </si>
  <si>
    <t>This rule verifies that AUE_SETEGID event is configured in cis event class.</t>
  </si>
  <si>
    <t>10.3 Verify audit event type - Enable Auditing of Process and Privilege Events - AUE_SETEUID</t>
  </si>
  <si>
    <t>This rule verifies that AUE_SETEUID event is configured in cis event class.</t>
  </si>
  <si>
    <t>10.3 Verify audit event type - Enable Auditing of Process and Privilege Events - AUE_SETGID</t>
  </si>
  <si>
    <t>This rule verifies that AUE_SETGID event is configured in cis event class.</t>
  </si>
  <si>
    <t>10.3 Verify audit event type - Enable Auditing of Process and Privilege Events - AUE_SETPGID</t>
  </si>
  <si>
    <t>This rule verifies that AUE_SETPGID event is configured in cis event class.</t>
  </si>
  <si>
    <t>10.3 Verify audit event type - Enable Auditing of Process and Privilege Events - AUE_SETPPRIV</t>
  </si>
  <si>
    <t>This rule verifies that AUE_SETPPRIV event is configured in cis event class.</t>
  </si>
  <si>
    <t>10.3 Verify audit event type - Enable Auditing of Process and Privilege Events - AUE_SETREGID</t>
  </si>
  <si>
    <t>This rule verifies that AUE_SETREGID event is configured in cis event class.</t>
  </si>
  <si>
    <t>10.3 Verify audit event type - Enable Auditing of Process and Privilege Events - AUE_SETREUID</t>
  </si>
  <si>
    <t>This rule verifies that AUE_SETREUID event is configured in cis event class.</t>
  </si>
  <si>
    <t>10.3 Verify audit event type - Enable Auditing of Process and Privilege Events - AUE_SETSID</t>
  </si>
  <si>
    <t>This rule verifies that AUE_SETSID event is configured in cis event class.</t>
  </si>
  <si>
    <t>10.3 Verify audit event type - Enable Auditing of Process and Privilege Events - AUE_SETUID</t>
  </si>
  <si>
    <t>This rule verifies that AUE_SETUID event is configured in cis event class.</t>
  </si>
  <si>
    <t>10.3 Verify audit event type - Force audit policy subcategory settings</t>
  </si>
  <si>
    <t>This rule verifies that "Audit: Force audit policy subcategory settings to override audit policy category settings" should be set to enabled.</t>
  </si>
  <si>
    <t>This rule setting allows administrators to enable the more precise auditing capabilities present in Windows Vista.  The Audit Policy settings available in Windows 7 do not yet contain settings for managing the new auditing subcategories.  The default setting is Enabled.</t>
  </si>
  <si>
    <t>This rule verifies administrators to enable the more precise auditing capabilities.</t>
  </si>
  <si>
    <t>10.3 Verify audit event type - Logon-Logoff: Account Lockout</t>
  </si>
  <si>
    <t>This rule verifies that the system will be configured to audit "Account Lockout" to No Auditing.</t>
  </si>
  <si>
    <t>This rule verifies that when a user's account is locked out as a result of too many failed logon attempts.</t>
  </si>
  <si>
    <t>10.3 Verify audit event type - Logon-Logoff: IPsec Extended Mode</t>
  </si>
  <si>
    <t>This rule verifies that the system will be configured to audit "IPsec Extended Mode" to No Auditing.</t>
  </si>
  <si>
    <t>This rule verifies that the results of AuthIP during Extended Mode negotiations.</t>
  </si>
  <si>
    <t>10.3 Verify audit event type - Logon-Logoff: IPsec Main Mode</t>
  </si>
  <si>
    <t>This rule verifies that the system will be configured to audit "IPsec Main Mode" to No Auditing.</t>
  </si>
  <si>
    <t>This rule verifies that the results of Internet Key Exchange (IKE) protocol and Authenticated Internet Protocol (AuthIP) during Main Mode negotiations.</t>
  </si>
  <si>
    <t>10.3 Verify audit event type - Logon-Logoff: IPsec Quick Mode</t>
  </si>
  <si>
    <t>This rule verifies that the system will be configured to audit "IPsec Quick Mode" to No Auditing.</t>
  </si>
  <si>
    <t>This rule verifies that the results of IKE protocol and AuthIP during Quick Mode negotiations.</t>
  </si>
  <si>
    <t>10.3 Verify audit event type - Logon-Logoff: Logoff</t>
  </si>
  <si>
    <t>This rule verifies that the system will be configured to audit "Logoff" Successes.</t>
  </si>
  <si>
    <t>This rule verifies that the system will be configured to audit "Logoff" to Success.</t>
  </si>
  <si>
    <t>This rule verifies that when a user logs off from the system.</t>
  </si>
  <si>
    <t>10.3 Verify audit event type - Logon-Logoff: Logon</t>
  </si>
  <si>
    <t>This rule verifies that the system will be configured to audit "Logon" Success.</t>
  </si>
  <si>
    <t>This rule verifies that the system will be configured to audit "Logon" to Success and Failure.</t>
  </si>
  <si>
    <t>This rule verifies that when a user attempts to log on to the system.</t>
  </si>
  <si>
    <t>10.3 Verify audit event type - Logon-Logoff: Network Policy Server</t>
  </si>
  <si>
    <t>This rule verifies that the system will be configured to audit "Network Policy Server" to No Auditing.</t>
  </si>
  <si>
    <t>This rule verifies that events generated by RADIUS (IAS) and Network Access Protection (NAP) user access requests. These requests can be Grant, Deny, Discard, Quarantine, Lock, and Unlock. Auditing this setting will result in a medium or high volume of records on NPS and IAS servers.</t>
  </si>
  <si>
    <t>10.3 Verify audit event type - Logon-Logoff: Other Logon/Logoff Events</t>
  </si>
  <si>
    <t>This rule verifies that the system will be configured to audit "Other Logon/Logoff Events" to No Auditing.</t>
  </si>
  <si>
    <t>This rule verifies that other logon/logoff-related events, such as Terminal Services session disconnects and reconnects, using RunAs to run processes under a different account, and locking and unlocking a workstation.</t>
  </si>
  <si>
    <t>10.3 Verify audit event type - Logon-Logoff: Special Logon</t>
  </si>
  <si>
    <t>This rule verifies that the system will be configured to audit "Special Logon" Successes.</t>
  </si>
  <si>
    <t>This rule verifies that the system will be configured to audit "Special Logon" to Success.</t>
  </si>
  <si>
    <t>This rule verifies that when a special logon is used. A special logon is a logon that has administrator-equivalent privileges and can be used to elevate a process to a higher level.</t>
  </si>
  <si>
    <t>10.3 Verify audit event type - Object Access: Application Generated</t>
  </si>
  <si>
    <t>This rule verifies that the system will be configured to audit "Application Generated" to No Auditing.</t>
  </si>
  <si>
    <t>This rule verifies that when applications attempt to generate audit events by using the Windows auditing application programming interfaces (APIs).</t>
  </si>
  <si>
    <t>10.3 Verify audit event type - Object Access: Central Access Policy Staging</t>
  </si>
  <si>
    <t>This rule verifies that the system will be configured to audit "Central Access Policy Staging" to No Auditing.</t>
  </si>
  <si>
    <t>This rule verifies that setting allows you to audit access requests where the permission granted or denied by a proposed policy differs from the current central access policy on an object.</t>
  </si>
  <si>
    <t>10.3 Verify audit event type - Object Access: Certification Services</t>
  </si>
  <si>
    <t>This rule verifies that the system will be configured to audit "Certification Services" to No Auditing.</t>
  </si>
  <si>
    <t>This rule verifies that when Certification Services operations are performed.</t>
  </si>
  <si>
    <t>10.3 Verify audit event type - Object Access: Detailed File Share</t>
  </si>
  <si>
    <t>This rule verifies that the system will be configured to audit "Detailed File Share" to No Auditing.</t>
  </si>
  <si>
    <t>This rule verifies that setting allows you to audit attempts to access files and folders on a shared folder.</t>
  </si>
  <si>
    <t>10.3 Verify audit event type - Object Access: File Share</t>
  </si>
  <si>
    <t>This rule verifies that the system will be configured to audit "File Share" to No Auditing.</t>
  </si>
  <si>
    <t>This rule verifies that when a file share is accessed.</t>
  </si>
  <si>
    <t>10.3 Verify audit event type - Object Access: File System</t>
  </si>
  <si>
    <t>This rule verifies that the system will be configured to audit "File System" to No Auditing.</t>
  </si>
  <si>
    <t>This rule verifies that when file system objects are accessed.</t>
  </si>
  <si>
    <t>10.3 Verify audit event type - Object Access: Filtering Platform Connection</t>
  </si>
  <si>
    <t>This rule verifies that the system will be configured to audit "Filtering Platform Connection" to No Auditing.</t>
  </si>
  <si>
    <t>This rule verifies that when connections are allowed or blocked by WFP.</t>
  </si>
  <si>
    <t>10.3 Verify audit event type - Object Access: Filtering Platform Packet Drop</t>
  </si>
  <si>
    <t>This rule verifies that the system will be configured to audit "Filtering Platform Packet Drop" to No Auditing.</t>
  </si>
  <si>
    <t>This rule verifies that when packets are dropped by Windows Filtering Platform (WFP).</t>
  </si>
  <si>
    <t>10.3 Verify audit event type - Object Access: Handle Manipulation</t>
  </si>
  <si>
    <t>This rule verifies that the system will be configured to audit "Handle Manipulation" to No Auditing.</t>
  </si>
  <si>
    <t>This rule verifies that when a handle to an object is opened or closed. Only objects with SACLs cause these events to be generated, and only if the attempted handle operation matches the SACL. Handle Manipulation events are only generated for object types where the corresponding Object Access subcategory is enabled, for example File System or Registry.</t>
  </si>
  <si>
    <t>10.3 Verify audit event type - Object Access: Kernel Object</t>
  </si>
  <si>
    <t>This rule verifies that the system will be configured to audit "Kernel Object" to No Auditing.</t>
  </si>
  <si>
    <t>This rule verifies that when kernel objects such as processes and mutexes are accessed. Only kernel objects with SACLs cause audit events to be generated, and only when they are accessed in a manner matching their SACL.</t>
  </si>
  <si>
    <t>10.3 Verify audit event type - Object Access: Other Object Access Events</t>
  </si>
  <si>
    <t>This rule verifies that the system will be configured to audit "Other Object Access Events" to No Auditing.</t>
  </si>
  <si>
    <t>This rule verifies that other object access-related events such as Task Scheduler jobs and COM  objects.</t>
  </si>
  <si>
    <t>10.3 Verify audit event type - Object Access: Registry</t>
  </si>
  <si>
    <t>This rule verifies that the system will be configured to audit "Registry" to No Auditing.</t>
  </si>
  <si>
    <t>This rule verifies that when registry objects are accessed.</t>
  </si>
  <si>
    <t>10.3 Verify audit event type - Object Access: Removable Storage</t>
  </si>
  <si>
    <t>This rule verifies that the system will be configured to audit "Removable Storage" to No Auditing.</t>
  </si>
  <si>
    <t>This rule verifies that setting allows you to audit user attempts to access file system objects on a removable storage device. A security audit event is generated only for all objects for all types of access requested.</t>
  </si>
  <si>
    <t>10.3 Verify audit event type - Object Access: SAM</t>
  </si>
  <si>
    <t>This rule verifies that the system will be configured to audit "SAM" to No Auditing.</t>
  </si>
  <si>
    <t>10.3 Verify audit event type - Policy Change: Audit Policy Change</t>
  </si>
  <si>
    <t>This rule verifies that the system will be configured to audit "Audit Policy Change" Successes and Failures.</t>
  </si>
  <si>
    <t>This rule verifies that the system will be configured to audit "Audit Policy Change" to Success and Failure.</t>
  </si>
  <si>
    <t>This rule verifies that changes in audit policy including SACL changes.</t>
  </si>
  <si>
    <t>10.3 Verify audit event type - Policy Change: Authentication Policy Change</t>
  </si>
  <si>
    <t>This rule verifies that the system will be configured to audit "Authentication Policy Change" Successes.</t>
  </si>
  <si>
    <t>This rule verifies that the system will be configured to audit "Authentication Policy Change" to Success.</t>
  </si>
  <si>
    <t>This rule verifies that changes in authentication policy.</t>
  </si>
  <si>
    <t>10.3 Verify audit event type - Policy Change: Authorization Policy Change</t>
  </si>
  <si>
    <t>This rule verifies that the system will be configured to audit "Authorization Policy Change" to No Auditing.</t>
  </si>
  <si>
    <t>This rule verifies that changes in authorization policy including permissions (DACL) changes.</t>
  </si>
  <si>
    <t>10.3 Verify audit event type - Policy Change: Filtering Platform Policy Change</t>
  </si>
  <si>
    <t>This rule verifies that the system will be configured to audit "Filtering Platform Policy Change" to No Auditing.</t>
  </si>
  <si>
    <t>This rule verifies that the addition and removal of objects from WFP, including startup filters.</t>
  </si>
  <si>
    <t>10.3 Verify audit event type - Policy Change: MPSSVC Rule-Level Policy Change</t>
  </si>
  <si>
    <t>This rule verifies that the system will be configured to audit "MPSSVC Rule-Level Policy Change" to No Auditing.</t>
  </si>
  <si>
    <t>This rule verifies that changes in policy rules used by the Microsoft Protection Service (MPSSVC.exe). This service is used by Windows Firewall and by Microsoft OneCare.</t>
  </si>
  <si>
    <t>10.3 Verify audit event type - Policy Change: Other Policy Change Events</t>
  </si>
  <si>
    <t>This rule verifies that the system will be configured to audit "Other Policy Change Events" to No Auditing.</t>
  </si>
  <si>
    <t>This rule verifies that other types of security policy changes such as configuration of the Trusted Platform Module (TPM) or cryptographic providers.</t>
  </si>
  <si>
    <t>10.3 Verify audit event type - Privilege Use: Non Sensitive Privilege Use</t>
  </si>
  <si>
    <t>This rule verifies that the system will be configured to audit "Non Sensitive Privilege Use" to No Auditing.</t>
  </si>
  <si>
    <t>This rule verifies that when a user account or service uses a non-sensitive privilege.</t>
  </si>
  <si>
    <t>10.3 Verify audit event type - Privilege Use: Other Privilege Use Events</t>
  </si>
  <si>
    <t>This rule verifies that the system will be configured to audit "Other Privilege Use Events" to No Auditing.</t>
  </si>
  <si>
    <t>If audit settings are not configured, it can be difficult or impossible to determine what occurred during a security incident.</t>
  </si>
  <si>
    <t>10.3 Verify audit event type - Privilege Use: Sensitive Privilege Use</t>
  </si>
  <si>
    <t>This rule verifies that the system will be configured to audit "Sensitive Privilege Use" to Success and Failure.</t>
  </si>
  <si>
    <t>This rule verifies that when a user account or service uses a sensitive privilege.</t>
  </si>
  <si>
    <t>10.3 Verify audit event type - Record Events That Modify Date and Time Information - 1</t>
  </si>
  <si>
    <t>This rule verifies that below event is audited:    -a always,exit -F arch=* -S adjtimex -S settimeofday -S stime -k time-change</t>
  </si>
  <si>
    <t>10.3 Verify audit event type - Record Events That Modify Date and Time Information - 2</t>
  </si>
  <si>
    <t>This rule verifies that below event is audited:    -a always,exit -F arch=% -S clock_settime -k time-change</t>
  </si>
  <si>
    <t>10.3 Verify audit event type - Record Events That Modify Date and Time Information - 3</t>
  </si>
  <si>
    <t>This rule verifies that below event is audited:    -w /etc/localtime -p wa -k time-change</t>
  </si>
  <si>
    <t>10.3 Verify audit event type - Record Events That Modify the System's Mandatory Access Controls</t>
  </si>
  <si>
    <t>This rule verifies that below event is audited:    -w /etc/selinux/ -p wa -k MAC-policy</t>
  </si>
  <si>
    <t>10.3 Verify audit event type - Record Events That Modify the System's Network Environment - 1</t>
  </si>
  <si>
    <t>This rule verifies that below event is audited:    -a exit,always -F arch=% -S sethostname -S setdomainname -k system-locale</t>
  </si>
  <si>
    <t>10.3 Verify audit event type - Record Events That Modify the System's Network Environment - 2</t>
  </si>
  <si>
    <t>This rule verifies that below event is audited:    -w /etc/issue -p wa -k system-locale</t>
  </si>
  <si>
    <t>10.3 Verify audit event type - Record Events That Modify the System's Network Environment - 3</t>
  </si>
  <si>
    <t>This rule verifies that below event is audited:    -w /etc/issue.net -p wa -k system-locale</t>
  </si>
  <si>
    <t>10.3 Verify audit event type - Record Events That Modify the System's Network Environment - 4</t>
  </si>
  <si>
    <t>This rule verifies that below event is audited:    -w /etc/hosts -p wa -k system-locale</t>
  </si>
  <si>
    <t>10.3 Verify audit event type - Record Events That Modify the System's Network Environment - 5</t>
  </si>
  <si>
    <t>This rule verifies that below event is audited:    -w /etc/sysconfig/network -p wa -k system-locale</t>
  </si>
  <si>
    <t>10.3 Verify audit event type - Record Events That Modify User/Group Information - 1</t>
  </si>
  <si>
    <t>This rule verifies that below event is audited:    -w /etc/group -p wa -k identity</t>
  </si>
  <si>
    <t>10.3 Verify audit event type - Record Events That Modify User/Group Information - 2</t>
  </si>
  <si>
    <t>This rule verifies that below event is audited:    -w /etc/passwd -p wa -k identity</t>
  </si>
  <si>
    <t>10.3 Verify audit event type - Record Events That Modify User/Group Information - 3</t>
  </si>
  <si>
    <t>This rule verifies that below event is audited:    -w /etc/gshadow -p wa -k identity</t>
  </si>
  <si>
    <t>10.3 Verify audit event type - Record Events That Modify User/Group Information - 4</t>
  </si>
  <si>
    <t>This rule verifies that below event is audited:    -w /etc/shadow -p wa -k identity</t>
  </si>
  <si>
    <t>10.3 Verify audit event type - Record Events That Modify User/Group Information - 5</t>
  </si>
  <si>
    <t>This rule verifies that below event is audited:    -w /etc/security/opasswd -p wa -k identity</t>
  </si>
  <si>
    <t>10.3 Verify audit event type - System: IPsec Driver</t>
  </si>
  <si>
    <t>This rule verifies that the system will be configured to audit "IPSec Driver" Successes and Failures.</t>
  </si>
  <si>
    <t>This rule verifies that the system will be configured to audit "IPsec Driver" to Success and Failure.</t>
  </si>
  <si>
    <t>This rule verifies that on the activities of the Internet Protocol security (IPsec) driver.</t>
  </si>
  <si>
    <t>10.3 Verify audit event type - System: Other System Events</t>
  </si>
  <si>
    <t>This rule verifies that the system will be configured to audit "Other System Events" to No Auditing.</t>
  </si>
  <si>
    <t>This rule verifies that on other system events.</t>
  </si>
  <si>
    <t>10.3 Verify audit event type - System: Security State Change</t>
  </si>
  <si>
    <t>This rule verifies that the system will be configured to audit "Security State Change" Successes and Failures.</t>
  </si>
  <si>
    <t>This rule verifies that the system will be configured to audit "Security State Change" to Success and Failure.</t>
  </si>
  <si>
    <t>This rule verifies that changes in security state of the system, such as when the security subsystem starts and stops.</t>
  </si>
  <si>
    <t>10.3 Verify audit event type - System: Security System Extension</t>
  </si>
  <si>
    <t>This rule verifies that the system will be configured to audit "Security System Extension" Successes and Failures.</t>
  </si>
  <si>
    <t>This rule verifies that the system will be configured to audit "Security System Extension" to Success and Failure.</t>
  </si>
  <si>
    <t>This rule verifies that the loading of extension code such as authentication packages by the security subsystem.</t>
  </si>
  <si>
    <t>10.3 Verify audit event type - System: System Integrity</t>
  </si>
  <si>
    <t>This rule verifies that the system will be configured to audit "System Integrity" Successes and Failures.</t>
  </si>
  <si>
    <t>This rule verifies that the system will be configured to audit "System Integrity" to Success and Failure.</t>
  </si>
  <si>
    <t>This rule verifies that on violations of integrity of the security subsystem.</t>
  </si>
  <si>
    <t>10.3 Verify audit event type - The OS must automatically audit account creation - group</t>
  </si>
  <si>
    <t>This rule verifies that below line is present in audit.rules file:    -w /etc/group -p wa%</t>
  </si>
  <si>
    <t>10.3 Verify audit event type - The OS must automatically audit account creation - gshadow</t>
  </si>
  <si>
    <t>This rule verifies that below line is present in audit.rules file:    -w /etc/gshadow -p wa%</t>
  </si>
  <si>
    <t>10.3 Verify audit event type - The OS must automatically audit account creation - opasswd</t>
  </si>
  <si>
    <t>This rule verifies that below line is present in audit.rules file:    -w /etc/security/opasswd -p wa%</t>
  </si>
  <si>
    <t>10.3 Verify audit event type - The OS must automatically audit account creation - passwd</t>
  </si>
  <si>
    <t>This rule verifies that below line is present in audit.rules file:    -w /etc/passwd -p wa%</t>
  </si>
  <si>
    <t>10.3 Verify audit event type - The OS must automatically audit account creation - shadow</t>
  </si>
  <si>
    <t>This rule verifies that below line is present in audit.rules file:    -w /etc/shadow -p wa%</t>
  </si>
  <si>
    <t>10.4 Verify time configuration - AnnounceFlags</t>
  </si>
  <si>
    <t>This rule verifies that AnnounceFlags is set to 5.</t>
  </si>
  <si>
    <t>10.4 Verify time configuration - Configure Network Time Protocol - options</t>
  </si>
  <si>
    <t>This rule verifies that the 'OPTIONS' configuration parameter is set to '-u ntp:ntp -p /var/run/ntpd.pid'.</t>
  </si>
  <si>
    <t>10.4 Verify time configuration - Configure Network Time Protocol (NTP) - NTPD_OPTIONS</t>
  </si>
  <si>
    <t>This rule verifies that 'NTPD_OPTIONS' parameter is set to "-g -u ntp:ntp".</t>
  </si>
  <si>
    <t>10.4 Verify time configuration - Configure Network Time Protocol (NTP) - restrict</t>
  </si>
  <si>
    <t>This rule verifies that below line exists in ntp.conf file:    restrict default kod nomodify notrap nopeer noquery</t>
  </si>
  <si>
    <t>10.4 Verify time configuration - Configure Network Time Protocol (NTP) - restrict -6</t>
  </si>
  <si>
    <t>This rule verifies that below line exists in ntp.conf file:    restrict -6 default kod nomodify notrap nopeer noquery</t>
  </si>
  <si>
    <t>10.4 Verify time configuration - Configure NTP time synchronization - AnnounceFlags</t>
  </si>
  <si>
    <t>10.4 Verify time configuration - Configure NTP time synchronization - Enable NTPServer</t>
  </si>
  <si>
    <t>This rule verifies that NTPServer is enabled.</t>
  </si>
  <si>
    <t>10.4 Verify time configuration - Configure NTP time synchronization - firewall</t>
  </si>
  <si>
    <t>This rule verifies that the NTP client service is allowed through the firewall.</t>
  </si>
  <si>
    <t>10.4 Verify time configuration - Configure NTP time synchronization - firewall configuration</t>
  </si>
  <si>
    <t>This rule verifies that the NTP service is allowed through the firewall.</t>
  </si>
  <si>
    <t>10.4 Verify time configuration - Configure NTP time synchronization - poll interval</t>
  </si>
  <si>
    <t>This rule verifies that poll interval is set to 900 seconds.</t>
  </si>
  <si>
    <t>10.4 Verify time configuration - Configure NTP time synchronization - Server type NTP</t>
  </si>
  <si>
    <t>This rule verifies that server type is set to NTP.</t>
  </si>
  <si>
    <t>10.4 Verify time configuration - Configure NTP time synchronization - service startup</t>
  </si>
  <si>
    <t>This rule verifies that ntp client service startup policy is set to "Start and stop with host".    Note:  -------  VCM Maps this as below:  Start and stop with host = on  Start and stop manually = off  Start and stop with Port Usage = automatic</t>
  </si>
  <si>
    <t>10.4 Verify time configuration - Configure NTP time synchronization - service status</t>
  </si>
  <si>
    <t>This rule verifies that ntp client is running.</t>
  </si>
  <si>
    <t>10.4 Verify time configuration - Enable NTPServer</t>
  </si>
  <si>
    <t>10.4 Verify time configuration - ntp service</t>
  </si>
  <si>
    <t>This rule verifies that ntp service is running.</t>
  </si>
  <si>
    <t>10.4 Verify time configuration - poll interval</t>
  </si>
  <si>
    <t>10.4 Verify time configuration - Server type NTP</t>
  </si>
  <si>
    <t>10.4 Verify time configuration - The system clock must be synchronized continuously</t>
  </si>
  <si>
    <t>10.5.4 Write logs to internal log server - Configure persistent logging for all ESXi host</t>
  </si>
  <si>
    <t>This rule verifies that Syslog.global.logDir parameter is not set to "[] /scratch/log" or null.</t>
  </si>
  <si>
    <t>2.1.1.b Verify default SNMP configuration - SNMP - disable private community string</t>
  </si>
  <si>
    <t>This rule verifies that community name "private" does not exist.</t>
  </si>
  <si>
    <t>2.1.1.b Verify default SNMP configuration - SNMP - disable public community string</t>
  </si>
  <si>
    <t>This rule verifies that community name "public" does not exist.</t>
  </si>
  <si>
    <t>2.1.1.b Verify default SNMP configuration - SNMP - disable Readwrite community access</t>
  </si>
  <si>
    <t>This rule verifies that readWrite community access is disabled.</t>
  </si>
  <si>
    <t>2.1.1.b Verify default SNMP configuration - SNMP - disable system community string</t>
  </si>
  <si>
    <t>This rule verifies that community name "system" does not exist.</t>
  </si>
  <si>
    <t>2.1.1.b Verify default SNMP configuration - The snmpd service must not use a default password</t>
  </si>
  <si>
    <t>This rule verifies that snmp does not use public community string.</t>
  </si>
  <si>
    <t>2.1.1.b Verify default SNMP configuration - Use SNMP protocol version 3 or newer</t>
  </si>
  <si>
    <t>This rule verifies that snmp protocol versions earlier than 3 are not used.</t>
  </si>
  <si>
    <t>2.2.2.a Verify services, protocols and ports - /etc/dt/config/*/Xresources permission and ownership</t>
  </si>
  <si>
    <t>This rule verifies below permissions and ownership for /etc/dt/config/*/Xresources file(s):    Mode = 444  Ownership = root:sys</t>
  </si>
  <si>
    <t>2.2.2.a Verify services, protocols and ports - /etc/dt/config/Xconfig permissions and ownership</t>
  </si>
  <si>
    <t>This rule verifies below permissions and ownership for /etc/dt/config/Xconfig file:    Mode = 444  Ownership = root:bin</t>
  </si>
  <si>
    <t>2.2.2.a Verify services, protocols and ports - /etc/dt/config/Xservers permissions and ownership</t>
  </si>
  <si>
    <t>This rule verifies below permissions and ownership for /etc/dt/config/Xservers file:    Mode = 444  Ownership = root:bin</t>
  </si>
  <si>
    <t>2.2.2.a Verify services, protocols and ports - /etc/inetd.conf - chargen</t>
  </si>
  <si>
    <t>This rule verifies that chargen service is not running.</t>
  </si>
  <si>
    <t>2.2.2.a Verify services, protocols and ports - /etc/inetd.conf - cmsd</t>
  </si>
  <si>
    <t>This rule verifies that cmsd service is not running.</t>
  </si>
  <si>
    <t>2.2.2.a Verify services, protocols and ports - /etc/inetd.conf - daytime</t>
  </si>
  <si>
    <t>This rule verifies that daytime service is not running.</t>
  </si>
  <si>
    <t>2.2.2.a Verify services, protocols and ports - /etc/inetd.conf - discard</t>
  </si>
  <si>
    <t>This rule verifies that discard service is not running.</t>
  </si>
  <si>
    <t>2.2.2.a Verify services, protocols and ports - /etc/inetd.conf - dtspc</t>
  </si>
  <si>
    <t>This rule verifies that dtspc service is not running.</t>
  </si>
  <si>
    <t>2.2.2.a Verify services, protocols and ports - /etc/inetd.conf - echo</t>
  </si>
  <si>
    <t>This rule verifies that echo service is not running.</t>
  </si>
  <si>
    <t>2.2.2.a Verify services, protocols and ports - /etc/inetd.conf - exec</t>
  </si>
  <si>
    <t>This rule verifies that rexec service is not running.</t>
  </si>
  <si>
    <t>2.2.2.a Verify services, protocols and ports - /etc/inetd.conf - finger</t>
  </si>
  <si>
    <t>This rule verifies that finger service is not running.</t>
  </si>
  <si>
    <t>2.2.2.a Verify services, protocols and ports - /etc/inetd.conf - fingerd</t>
  </si>
  <si>
    <t>2.2.2.a Verify services, protocols and ports - /etc/inetd.conf - ftp</t>
  </si>
  <si>
    <t>This rule verifies that ftp service is not running.</t>
  </si>
  <si>
    <t>2.2.2.a Verify services, protocols and ports - /etc/inetd.conf - imap</t>
  </si>
  <si>
    <t>This rule verifies that IMAP service is not running.</t>
  </si>
  <si>
    <t>2.2.2.a Verify services, protocols and ports - /etc/inetd.conf - imap2</t>
  </si>
  <si>
    <t>2.2.2.a Verify services, protocols and ports - /etc/inetd.conf - instsrv</t>
  </si>
  <si>
    <t>This rule verifies that instsrv service is not running.</t>
  </si>
  <si>
    <t>2.2.2.a Verify services, protocols and ports - /etc/inetd.conf - klogin</t>
  </si>
  <si>
    <t>This rule verifies that klogin service is not running.</t>
  </si>
  <si>
    <t>2.2.2.a Verify services, protocols and ports - /etc/inetd.conf - kshell</t>
  </si>
  <si>
    <t>This rule verifies that kshell service is not running.</t>
  </si>
  <si>
    <t>2.2.2.a Verify services, protocols and ports - /etc/inetd.conf - login</t>
  </si>
  <si>
    <t>This rule verifies that rlogind service is not running.</t>
  </si>
  <si>
    <t>2.2.2.a Verify services, protocols and ports - /etc/inetd.conf - ntalk</t>
  </si>
  <si>
    <t>This rule verifies that ntalk service is not running.</t>
  </si>
  <si>
    <t>2.2.2.a Verify services, protocols and ports - /etc/inetd.conf - pcnfs</t>
  </si>
  <si>
    <t>This rule verifies that PCNFS service is not running.</t>
  </si>
  <si>
    <t>2.2.2.a Verify services, protocols and ports - /etc/inetd.conf - pcnfsd</t>
  </si>
  <si>
    <t>2.2.2.a Verify services, protocols and ports - /etc/inetd.conf - permissions and ownership</t>
  </si>
  <si>
    <t>This rule verifies below permissions and ownership for /etc/inetd.conf file:    Mode = 644  Ownership = root:system</t>
  </si>
  <si>
    <t>2.2.2.a Verify services, protocols and ports - /etc/inetd.conf - pop3</t>
  </si>
  <si>
    <t>This rule verifies that POP3 service is not running.</t>
  </si>
  <si>
    <t>2.2.2.a Verify services, protocols and ports - /etc/inetd.conf - rquotad</t>
  </si>
  <si>
    <t>This rule verifies that rquotad service is not running.</t>
  </si>
  <si>
    <t>2.2.2.a Verify services, protocols and ports - /etc/inetd.conf - rstatd</t>
  </si>
  <si>
    <t>This rule verifies that rstatd service is not running.</t>
  </si>
  <si>
    <t>2.2.2.a Verify services, protocols and ports - /etc/inetd.conf - rusersd</t>
  </si>
  <si>
    <t>This rule verifies that rusersd service is not running.</t>
  </si>
  <si>
    <t>2.2.2.a Verify services, protocols and ports - /etc/inetd.conf - rwalld</t>
  </si>
  <si>
    <t>This rule verifies that rwalld service is not running.</t>
  </si>
  <si>
    <t>2.2.2.a Verify services, protocols and ports - /etc/inetd.conf - shell</t>
  </si>
  <si>
    <t>This rule verifies that rsh service is not running.</t>
  </si>
  <si>
    <t>2.2.2.a Verify services, protocols and ports - /etc/inetd.conf - sprayd</t>
  </si>
  <si>
    <t>This rule verifies that sprayd service is not running.</t>
  </si>
  <si>
    <t>2.2.2.a Verify services, protocols and ports - /etc/inetd.conf - talk</t>
  </si>
  <si>
    <t>This rule verifies that talk service is not running.</t>
  </si>
  <si>
    <t>2.2.2.a Verify services, protocols and ports - /etc/inetd.conf - telnet</t>
  </si>
  <si>
    <t>This rule verifies that telnet service is not running.</t>
  </si>
  <si>
    <t>2.2.2.a Verify services, protocols and ports - /etc/inetd.conf - tftp</t>
  </si>
  <si>
    <t>This rule verifies that tftp service is not running.</t>
  </si>
  <si>
    <t>2.2.2.a Verify services, protocols and ports - /etc/inetd.conf - time</t>
  </si>
  <si>
    <t>This rule verifies that time service is not running.</t>
  </si>
  <si>
    <t>2.2.2.a Verify services, protocols and ports - /etc/inetd.conf - ttdbserver</t>
  </si>
  <si>
    <t>This rule verifies that ttdbserver service is not running.</t>
  </si>
  <si>
    <t>2.2.2.a Verify services, protocols and ports - /etc/inetd.conf - uucp</t>
  </si>
  <si>
    <t>This rule verifies that UUCP service is not running.</t>
  </si>
  <si>
    <t>2.2.2.a Verify services, protocols and ports - /etc/inittab - dt</t>
  </si>
  <si>
    <t>This rule verifies that dt process is not running.</t>
  </si>
  <si>
    <t>2.2.2.a Verify services, protocols and ports - /etc/inittab - lpd</t>
  </si>
  <si>
    <t>This rule verifies that lpd process is not running.</t>
  </si>
  <si>
    <t>2.2.2.a Verify services, protocols and ports - /etc/inittab - piobe</t>
  </si>
  <si>
    <t>This rule verifies that piobe process is not running.</t>
  </si>
  <si>
    <t>2.2.2.a Verify services, protocols and ports - /etc/inittab - qdaemon</t>
  </si>
  <si>
    <t>This rule verifies that qdaemon process is not running.</t>
  </si>
  <si>
    <t>2.2.2.a Verify services, protocols and ports - /etc/inittab - rcnfs</t>
  </si>
  <si>
    <t>This rule verifies that rcnfs process is not running.</t>
  </si>
  <si>
    <t>2.2.2.a Verify services, protocols and ports - /etc/rc.tcpip - aixmibd</t>
  </si>
  <si>
    <t>This rule verifies that aixmibd process is not running.</t>
  </si>
  <si>
    <t>2.2.2.a Verify services, protocols and ports - /etc/rc.tcpip - autoconf6</t>
  </si>
  <si>
    <t>This rule verifies that autoconf6 process is not running.</t>
  </si>
  <si>
    <t>2.2.2.a Verify services, protocols and ports - /etc/rc.tcpip - dhcpcd</t>
  </si>
  <si>
    <t>This rule verifies that dhcpcd process is not running.</t>
  </si>
  <si>
    <t>2.2.2.a Verify services, protocols and ports - /etc/rc.tcpip - dhcprd</t>
  </si>
  <si>
    <t>This rule verifies that dhcprd process is not running.</t>
  </si>
  <si>
    <t>2.2.2.a Verify services, protocols and ports - /etc/rc.tcpip - dhcpsd</t>
  </si>
  <si>
    <t>This rule verifies that dhcpsd process is not running.</t>
  </si>
  <si>
    <t>2.2.2.a Verify services, protocols and ports - /etc/rc.tcpip - dpid2</t>
  </si>
  <si>
    <t>This rule verifies that dpid2 process is not running.</t>
  </si>
  <si>
    <t>2.2.2.a Verify services, protocols and ports - /etc/rc.tcpip - gated</t>
  </si>
  <si>
    <t>This rule verifies that gated process is not running.</t>
  </si>
  <si>
    <t>2.2.2.a Verify services, protocols and ports - /etc/rc.tcpip - hostmibd</t>
  </si>
  <si>
    <t>This rule verifies that hostmibd process is not running.</t>
  </si>
  <si>
    <t>2.2.2.a Verify services, protocols and ports - /etc/rc.tcpip - mrouted</t>
  </si>
  <si>
    <t>This rule verifies that mrouted process is not running.</t>
  </si>
  <si>
    <t>2.2.2.a Verify services, protocols and ports - /etc/rc.tcpip - named</t>
  </si>
  <si>
    <t>This rule verifies that named process is not running.</t>
  </si>
  <si>
    <t>2.2.2.a Verify services, protocols and ports - /etc/rc.tcpip - ndpd-host</t>
  </si>
  <si>
    <t>This rule verifies that ndpd-host process is not running.</t>
  </si>
  <si>
    <t>2.2.2.a Verify services, protocols and ports - /etc/rc.tcpip - ndpd-router</t>
  </si>
  <si>
    <t>This rule verifies that ndpd-router process is not running.</t>
  </si>
  <si>
    <t>2.2.2.a Verify services, protocols and ports - /etc/rc.tcpip - portmap</t>
  </si>
  <si>
    <t>This rule verifies that portmap process is not running.</t>
  </si>
  <si>
    <t>2.2.2.a Verify services, protocols and ports - /etc/rc.tcpip - routed</t>
  </si>
  <si>
    <t>This rule verifies that routed process is not running.</t>
  </si>
  <si>
    <t>2.2.2.a Verify services, protocols and ports - /etc/rc.tcpip - rwhod</t>
  </si>
  <si>
    <t>This rule verifies that rwhod process is not running.</t>
  </si>
  <si>
    <t>2.2.2.a Verify services, protocols and ports - /etc/rc.tcpip - sendmail</t>
  </si>
  <si>
    <t>This rule verifies that sendmail process is not running.</t>
  </si>
  <si>
    <t>2.2.2.a Verify services, protocols and ports - /etc/rc.tcpip - snmpd</t>
  </si>
  <si>
    <t>This rule verifies that snmpd process is not running.</t>
  </si>
  <si>
    <t>2.2.2.a Verify services, protocols and ports - /etc/rc.tcpip - snmpmibd</t>
  </si>
  <si>
    <t>This rule verifies that snmpmibd process is not running.</t>
  </si>
  <si>
    <t>2.2.2.a Verify services, protocols and ports - /etc/rc.tcpip - timed</t>
  </si>
  <si>
    <t>This rule verifies that timed process is not running.</t>
  </si>
  <si>
    <t>2.2.2.a Verify services, protocols and ports - &amp; 2.1.17 Disable echo</t>
  </si>
  <si>
    <t>This rule verifies that echo is disabled.</t>
  </si>
  <si>
    <t>2.2.2.a Verify services, protocols and ports - Alerter Service</t>
  </si>
  <si>
    <t>The alerter service is normally used to send messages between processes on one computer alerting the status of certain functions to the user’s console, including the execution of print jobs. It also works in conjunction with the Messenger service to send these same messages between computers on a network. The default setting for this rule is disabled.</t>
  </si>
  <si>
    <t>2.2.2.a Verify services, protocols and ports - Authentication Using Empty/Null Passwords for SSH</t>
  </si>
  <si>
    <t>This rule verifies that PermitEmptyPasswords parameter is set to no.</t>
  </si>
  <si>
    <t>2.2.2.a Verify services, protocols and ports - CDE - de-installing CDE</t>
  </si>
  <si>
    <t>This rule verifies that cde package does not exist.</t>
  </si>
  <si>
    <t>2.2.2.a Verify services, protocols and ports - CDE - disabling dtlogin</t>
  </si>
  <si>
    <t>This rule verifies that there is no entry for dt in /etc/inittab.</t>
  </si>
  <si>
    <t>2.2.2.a Verify services, protocols and ports - CDE - remote GUI login disabled</t>
  </si>
  <si>
    <t>This rule verifies that 'Dtlogin.requestPort' parameter is set to 0.</t>
  </si>
  <si>
    <t>2.2.2.a Verify services, protocols and ports - CDE - sgid/suid binary lockdown</t>
  </si>
  <si>
    <t>This rule verifies that below files do not have suid and sgid bit set:    /usr/dt/bin/dtaction  /usr/dt/bin/dtappgather  /usr/dt/bin/dtprintinfo  /usr/dt/bin/dtsession</t>
  </si>
  <si>
    <t>2.2.2.a Verify services, protocols and ports - Check for Unconfined Daemons</t>
  </si>
  <si>
    <t>This rule verifies that there are no unconfined daemons.</t>
  </si>
  <si>
    <t>2.2.2.a Verify services, protocols and ports - Client Service for NetWare (NWCWorkstation)</t>
  </si>
  <si>
    <t>The Netware Client Service allows interoperability between the system and NetWare file &amp; print resources. Disable this service if NetWare resources are not used in your organization. The default setting is Disabled and Stopped.</t>
  </si>
  <si>
    <t>2.2.2.a Verify services, protocols and ports - ClipBook (ClipSrv)</t>
  </si>
  <si>
    <t>The Clipbook service is used to share clipboard information between computers on a network. The service has been available through many versions of Windows but is rarely used. It shares data through the Network Dynamic Data Exchange (NetDDE) protocol. The default setting is Disabled.</t>
  </si>
  <si>
    <t>2.2.2.a Verify services, protocols and ports - Configure Mail Transfer Agent for Local-Only Mode</t>
  </si>
  <si>
    <t>This rule verifies that inet_interfaces is set to localhost.</t>
  </si>
  <si>
    <t>IP Info - Open Ports</t>
  </si>
  <si>
    <t>This rule verifies that MTA is listening on the loopback address (127.0.0.1).</t>
  </si>
  <si>
    <t>2.2.2.a Verify services, protocols and ports - Configuring SSH - banner configuration</t>
  </si>
  <si>
    <t>This rule verifies that Banner parameter is set to /etc/issue.</t>
  </si>
  <si>
    <t>2.2.2.a Verify services, protocols and ports - Configuring SSH - client protocol 2</t>
  </si>
  <si>
    <t>This rule verifies that Protocol parameter is set to 2.</t>
  </si>
  <si>
    <t>2.2.2.a Verify services, protocols and ports - Configuring SSH - disable null passwords</t>
  </si>
  <si>
    <t>2.2.2.a Verify services, protocols and ports - Configuring SSH - disabling direct root access</t>
  </si>
  <si>
    <t>This rule verifies that PermitRootLogin is set to no.</t>
  </si>
  <si>
    <t>2.2.2.a Verify services, protocols and ports - Configuring SSH - disallow host based authentication</t>
  </si>
  <si>
    <t>This rule verifies that HostbasedAuthentication parameter is set to no.</t>
  </si>
  <si>
    <t>2.2.2.a Verify services, protocols and ports - Configuring SSH - ignore .shosts and .rhosts</t>
  </si>
  <si>
    <t>This rule verifies that IgnoreRhosts parameter is set to yes.</t>
  </si>
  <si>
    <t>2.2.2.a Verify services, protocols and ports - Configuring SSH - installation - openssh</t>
  </si>
  <si>
    <t>This rule verifies that openssh package is installed.</t>
  </si>
  <si>
    <t>2.2.2.a Verify services, protocols and ports - Configuring SSH - installation - ssl</t>
  </si>
  <si>
    <t>This rule verifies that ssl package is installed.</t>
  </si>
  <si>
    <t>2.2.2.a Verify services, protocols and ports - Configuring SSH - removal of /etc/shosts.equiv</t>
  </si>
  <si>
    <t>This rule verifies that /etc/shosts.equiv file does not exist.</t>
  </si>
  <si>
    <t>2.2.2.a Verify services, protocols and ports - Configuring SSH - restrict Cipher list</t>
  </si>
  <si>
    <t>This rule verifies that Ciphers parameter is set to aes128-ctr,aes192-ctr,aes256-ctr.</t>
  </si>
  <si>
    <t>2.2.2.a Verify services, protocols and ports - Configuring SSH - server protocol 2</t>
  </si>
  <si>
    <t>2.2.2.a Verify services, protocols and ports - Configuring SSH - set Idle Timeout Interval</t>
  </si>
  <si>
    <t>This rule verifies that below parameters are set:    ClientAliveInterval 0  ClientAliveCountMax 300</t>
  </si>
  <si>
    <t>2.2.2.a Verify services, protocols and ports - Configuring SSH - set LogLevel to INFO</t>
  </si>
  <si>
    <t>This rule verifies that LogLevel parameter is set to INFO.</t>
  </si>
  <si>
    <t>2.2.2.a Verify services, protocols and ports - Configuring SSH - set MaxAuthTries to 4 or Less</t>
  </si>
  <si>
    <t>This rule verifies that MaxAuthTries parameter is set to 4 or less.</t>
  </si>
  <si>
    <t>2.2.2.a Verify services, protocols and ports - Configuring SSH - set privilege separation</t>
  </si>
  <si>
    <t>This rule verifies that UsePrivilegeSeparation parameter is set to yes.</t>
  </si>
  <si>
    <t>2.2.2.a Verify services, protocols and ports - Configuring SSH - ssh_config permissions lockdown</t>
  </si>
  <si>
    <t>This rule verifies below permissions and ownership for /etc/ssh/ssh_config file:    Mode = 644  Ownership = root:system</t>
  </si>
  <si>
    <t>2.2.2.a Verify services, protocols and ports - Configuring SSH - sshd_config permissions lockdown</t>
  </si>
  <si>
    <t>This rule verifies below permissions and ownership for /etc/ssh/sshd_config file:    Mode = 600  Ownership = root:system</t>
  </si>
  <si>
    <t>2.2.2.a Verify services, protocols and ports - Configuring SSH - user-provided environment variables</t>
  </si>
  <si>
    <t>This rule verifies that PermitUserEnvironment parameter is set to no.</t>
  </si>
  <si>
    <t>2.2.2.a Verify services, protocols and ports - Disable "nobody" Access for RPC</t>
  </si>
  <si>
    <t>This rule verifies that 'ENABLE_NOBODY_KEYS' is set to 'NO'.</t>
  </si>
  <si>
    <t>2.2.2.a Verify services, protocols and ports - Disable Apache Service</t>
  </si>
  <si>
    <t>This rule verifies that http service is not running.</t>
  </si>
  <si>
    <t>2.2.2.a Verify services, protocols and ports - Disable Apache Services</t>
  </si>
  <si>
    <t>2.2.2.a Verify services, protocols and ports - Disable automount Daemon</t>
  </si>
  <si>
    <t>This rule verifies that autofs service is not running.</t>
  </si>
  <si>
    <t>2.2.2.a Verify services, protocols and ports - Disable automount Service</t>
  </si>
  <si>
    <t>2.2.2.a Verify services, protocols and ports - Disable Avahi Server</t>
  </si>
  <si>
    <t>This rule verifies that avahi daemon is not running.</t>
  </si>
  <si>
    <t>2.2.2.a Verify services, protocols and ports - Disable chargen-dgram</t>
  </si>
  <si>
    <t>This rule verifies that chargen-dgram is disabled.</t>
  </si>
  <si>
    <t>2.2.2.a Verify services, protocols and ports - Disable chargen-stream</t>
  </si>
  <si>
    <t>This rule verifies that chargen-stream is disabled.</t>
  </si>
  <si>
    <t>2.2.2.a Verify services, protocols and ports - Disable daytime-dgram</t>
  </si>
  <si>
    <t>This rule verifies that daytime-dgram is disabled.</t>
  </si>
  <si>
    <t>2.2.2.a Verify services, protocols and ports - Disable daytime-stream</t>
  </si>
  <si>
    <t>This rule verifies that daytime-stream is disabled.</t>
  </si>
  <si>
    <t>2.2.2.a Verify services, protocols and ports - Disable echo</t>
  </si>
  <si>
    <t>2.2.2.a Verify services, protocols and ports - Disable email server, if possible</t>
  </si>
  <si>
    <t>This rule verifies that sendmail is disabled.</t>
  </si>
  <si>
    <t>2.2.2.a Verify services, protocols and ports - Disable Generic Security Services (GSS)</t>
  </si>
  <si>
    <t>Services - RPC</t>
  </si>
  <si>
    <t>This rule verifies that gss service is not running.</t>
  </si>
  <si>
    <t>2.2.2.a Verify services, protocols and ports - Disable Generic Security Services (GSS) Daemons</t>
  </si>
  <si>
    <t>2.2.2.a Verify services, protocols and ports - Disable Host-based Authentication for Services</t>
  </si>
  <si>
    <t>This rule verifies that there are no entries for rlogin and rsh in /etc/pam.conf file.</t>
  </si>
  <si>
    <t>2.2.2.a Verify services, protocols and ports - Disable Kerberos TGT Expiration Warning</t>
  </si>
  <si>
    <t>This rule verifies that ktkt_warn service is not running.</t>
  </si>
  <si>
    <t>2.2.2.a Verify services, protocols and ports - Disable LDAP Cache Manager</t>
  </si>
  <si>
    <t>This rule verifies that ldap_cachemgr service is not running.</t>
  </si>
  <si>
    <t>2.2.2.a Verify services, protocols and ports - Disable Local BSD Print Protocol Adapter</t>
  </si>
  <si>
    <t>This rule verifies that printer service is disabled.</t>
  </si>
  <si>
    <t>2.2.2.a Verify services, protocols and ports - Disable Local CDE Calendar Manager</t>
  </si>
  <si>
    <t>This rule verifies that calendar-manager service is disabled.</t>
  </si>
  <si>
    <t>2.2.2.a Verify services, protocols and ports - Disable Local CDE ToolTalk Database Server</t>
  </si>
  <si>
    <t>This rule verifies that ttdbserver service is disabled.</t>
  </si>
  <si>
    <t>2.2.2.a Verify services, protocols and ports - Disable Local Graphical Login Environment</t>
  </si>
  <si>
    <t>This rule verifies that dtlogin service is not running.</t>
  </si>
  <si>
    <t>2.2.2.a Verify services, protocols and ports - Disable Local RPC Port Mapping Service</t>
  </si>
  <si>
    <t>This rule verifies that rpcbind service is not running.</t>
  </si>
  <si>
    <t>2.2.2.a Verify services, protocols and ports - Disable Local sendmail Service</t>
  </si>
  <si>
    <t>This rule verifies that sendmail service is not running.</t>
  </si>
  <si>
    <t>2.2.2.a Verify services, protocols and ports - Disable Local-only Graphical Login Environment</t>
  </si>
  <si>
    <t>This rule verifies that 'gdm' service is not running.</t>
  </si>
  <si>
    <t>2.2.2.a Verify services, protocols and ports - Disable Local-only RPC Port Mapping Service</t>
  </si>
  <si>
    <t>2.2.2.a Verify services, protocols and ports - Disable Local-only sendmail Service</t>
  </si>
  <si>
    <t>This rule verifies that 'sendmail' service is not running.</t>
  </si>
  <si>
    <t>2.2.2.a Verify services, protocols and ports - Disable MCS Translation Service (mcstrans)</t>
  </si>
  <si>
    <t>This rule verifies that mcstrans daemon is not running.</t>
  </si>
  <si>
    <t>2.2.2.a Verify services, protocols and ports - Disable NFS and RPC</t>
  </si>
  <si>
    <t>This rule verifies that below daemons are not running:    nfslock - rpc.statd  rpcgssd - rpc.gssd   rpcidmapd - rpc.idmapd  rpcbind - rpcbind  rpcsvcgssd - rpc.svcgssd</t>
  </si>
  <si>
    <t>2.2.2.a Verify services, protocols and ports - Disable NIS Client Daemons</t>
  </si>
  <si>
    <t>This rule verifies that ypbind service is not running.</t>
  </si>
  <si>
    <t>2.2.2.a Verify services, protocols and ports - Disable NIS Client Services</t>
  </si>
  <si>
    <t>2.2.2.a Verify services, protocols and ports - Disable NIS Server Daemons</t>
  </si>
  <si>
    <t>This rule verifies that below services are not running:    ypserv  yppasswd  ypupdate  ypxfr</t>
  </si>
  <si>
    <t>2.2.2.a Verify services, protocols and ports - Disable NIS Server Services</t>
  </si>
  <si>
    <t>2.2.2.a Verify services, protocols and ports - Disable NIS/NIS+ related processes, if possible</t>
  </si>
  <si>
    <t>This rule verifies that NIS related processes are disabled.</t>
  </si>
  <si>
    <t>2.2.2.a Verify services, protocols and ports - Disable NIS+ Daemons</t>
  </si>
  <si>
    <t>This rule verifies that nisd service is not running.</t>
  </si>
  <si>
    <t>2.2.2.a Verify services, protocols and ports - Disable Print Server - CUPS</t>
  </si>
  <si>
    <t>This rule verifies that cups daemon is not running.</t>
  </si>
  <si>
    <t>2.2.2.a Verify services, protocols and ports - Disable printer daemons, if possible</t>
  </si>
  <si>
    <t>This rule verifies that printer daemon is disabled.</t>
  </si>
  <si>
    <t>2.2.2.a Verify services, protocols and ports - Disable rarely used standard boot services - apache</t>
  </si>
  <si>
    <t>This rule verifies that apache is disabled.</t>
  </si>
  <si>
    <t>2.2.2.a Verify services, protocols and ports - Disable rarely used standard boot services - audio</t>
  </si>
  <si>
    <t>This rule verifies that audio is disabled.</t>
  </si>
  <si>
    <t>2.2.2.a Verify services, protocols and ports - Disable rarely used standard boot services - dns</t>
  </si>
  <si>
    <t>This rule verifies that dns is disabled.</t>
  </si>
  <si>
    <t>2.2.2.a Verify services, protocols and ports - Disable rarely used standard boot services - i4lmd</t>
  </si>
  <si>
    <t>This rule verifies that i4lmd is disabled.</t>
  </si>
  <si>
    <t>2.2.2.a Verify services, protocols and ports - Disable rarely used standard boot services - netconf</t>
  </si>
  <si>
    <t>This rule verifies that Router Discover Protocol and Reverse ARP daemon are disabled, i.e.  RDPD=0  RARPD=0</t>
  </si>
  <si>
    <t>2.2.2.a Verify services, protocols and ports - Disable rarely used standard boot services - nfs</t>
  </si>
  <si>
    <t>This rule verifies that nfs is disabled.</t>
  </si>
  <si>
    <t>2.2.2.a Verify services, protocols and ports - Disable rarely used standard boot services - samba</t>
  </si>
  <si>
    <t>This rule verifies that samba is disabled.</t>
  </si>
  <si>
    <t>2.2.2.a Verify services, protocols and ports - Disable rarely used standard boot services - slsd</t>
  </si>
  <si>
    <t>This rule verifies that slsd is disabled.</t>
  </si>
  <si>
    <t>2.2.2.a Verify services, protocols and ports - Disable rarely used standard boot services - vtdaemon</t>
  </si>
  <si>
    <t>This rule verifies that vtdaemon is disabled.</t>
  </si>
  <si>
    <t>2.2.2.a Verify services, protocols and ports - Disable rarely used standard boot services - xfs</t>
  </si>
  <si>
    <t>This rule verifies that xfs is disabled.</t>
  </si>
  <si>
    <t>2.2.2.a Verify services, protocols and ports - Disable rarely used standard boot services -ptydaemon</t>
  </si>
  <si>
    <t>This rule verifies that ptydaemon is disabled.</t>
  </si>
  <si>
    <t>2.2.2.a Verify services, protocols and ports - Disable Removable Volume Manager - rmvolmgr</t>
  </si>
  <si>
    <t>This rule verifies that rmvolmgr service is not running.</t>
  </si>
  <si>
    <t>2.2.2.a Verify services, protocols and ports - Disable Removable Volume Manager - smserver</t>
  </si>
  <si>
    <t>This rule verifies that smserver service is not running.</t>
  </si>
  <si>
    <t>2.2.2.a Verify services, protocols and ports - Disable Rhost-based Authentication for SSH</t>
  </si>
  <si>
    <t>2.2.2.a Verify services, protocols and ports - Disable root login for SSH</t>
  </si>
  <si>
    <t>2.2.2.a Verify services, protocols and ports - Disable RPC Encryption Key</t>
  </si>
  <si>
    <t>This rule verifies that keyserv service is not running.</t>
  </si>
  <si>
    <t>2.2.2.a Verify services, protocols and ports - Disable Samba Support</t>
  </si>
  <si>
    <t>This rule verifies that samba service is not running.</t>
  </si>
  <si>
    <t>2.2.2.a Verify services, protocols and ports - Disable SNMP and OpenView Agents - OV daemons</t>
  </si>
  <si>
    <t>This rule verifies that OpenView daemons are disabled.</t>
  </si>
  <si>
    <t>2.2.2.a Verify services, protocols and ports - Disable SNMP and OpenView Agents - SnmpHpunix</t>
  </si>
  <si>
    <t>This rule verifies that the SNMP HP-UNIX subAgent is disabled.  SNMP_HPUNIX_START=0</t>
  </si>
  <si>
    <t>2.2.2.a Verify services, protocols and ports - Disable SNMP and OpenView Agents - SnmpMaster</t>
  </si>
  <si>
    <t>This rule verifies that the SNMP Master Agent is disabled.  SNMP_MASTER_START=0</t>
  </si>
  <si>
    <t>2.2.2.a Verify services, protocols and ports - Disable SNMP and OpenView Agents - SnmpMib2</t>
  </si>
  <si>
    <t>This rule verifies that the SNMP MIB-2 subAgent is disabled.  SNMP_MIB2_START=0</t>
  </si>
  <si>
    <t>2.2.2.a Verify services, protocols and ports - Disable SNMP and OpenView Agents - SnmpTrpDst</t>
  </si>
  <si>
    <t>This rule verifies that the SNMP TrapDest subAgent is disabled.  SNMP_TRAPDEST_START=0</t>
  </si>
  <si>
    <t>2.2.2.a Verify services, protocols and ports - Disable Solaris Volume Manager GUI</t>
  </si>
  <si>
    <t>This rule verifies that below services are not running:    mdcomm  meta  metamed  metamh</t>
  </si>
  <si>
    <t>2.2.2.a Verify services, protocols and ports - Disable SSH Root Login</t>
  </si>
  <si>
    <t>This rule verifies that PermitRootLogin parameter is set to no.</t>
  </si>
  <si>
    <t>2.2.2.a Verify services, protocols and ports - Disable SSH root login</t>
  </si>
  <si>
    <t>2.2.2.a Verify services, protocols and ports - Disable SSH X11 Forwarding</t>
  </si>
  <si>
    <t>This rule verifies that X11Forwarding parameter is set to no.</t>
  </si>
  <si>
    <t>2.2.2.a Verify services, protocols and ports - Disable SSH X11Forwarding</t>
  </si>
  <si>
    <t>2.2.2.a Verify services, protocols and ports - Disable Standard Services - auth</t>
  </si>
  <si>
    <t>This rule verifies that all network services not required for operations are disabled. Any network services required for operations must be documented.    Note: This rule does not verify the state of RPC Services.</t>
  </si>
  <si>
    <t>2.2.2.a Verify services, protocols and ports - Disable Standard Services - bootps</t>
  </si>
  <si>
    <t>2.2.2.a Verify services, protocols and ports - Disable Standard Services - chargen</t>
  </si>
  <si>
    <t>2.2.2.a Verify services, protocols and ports - Disable Standard Services - daytime</t>
  </si>
  <si>
    <t>2.2.2.a Verify services, protocols and ports - Disable Standard Services - discard</t>
  </si>
  <si>
    <t>2.2.2.a Verify services, protocols and ports - Disable Standard Services - dtspc</t>
  </si>
  <si>
    <t>2.2.2.a Verify services, protocols and ports - Disable Standard Services - echo</t>
  </si>
  <si>
    <t>2.2.2.a Verify services, protocols and ports - Disable Standard Services - exec</t>
  </si>
  <si>
    <t>2.2.2.a Verify services, protocols and ports - Disable Standard Services - finger</t>
  </si>
  <si>
    <t>2.2.2.a Verify services, protocols and ports - Disable Standard Services - ftp</t>
  </si>
  <si>
    <t>2.2.2.a Verify services, protocols and ports - Disable Standard Services - ident</t>
  </si>
  <si>
    <t>2.2.2.a Verify services, protocols and ports - Disable Standard Services - inetd.conf ownership</t>
  </si>
  <si>
    <t>This rule verifies that the owner and group of inetd.conf is root:sys.</t>
  </si>
  <si>
    <t>2.2.2.a Verify services, protocols and ports - Disable Standard Services - inetd.conf permissions</t>
  </si>
  <si>
    <t>This rule verifies that the group and others should not have write permission and no execute permission for all.</t>
  </si>
  <si>
    <t>2.2.2.a Verify services, protocols and ports - Disable Standard Services - kcms_server</t>
  </si>
  <si>
    <t>This rule verifies that all network services not required for operations are disabled. Any network services required for operations must be documented.</t>
  </si>
  <si>
    <t>2.2.2.a Verify services, protocols and ports - Disable Standard Services - klogin</t>
  </si>
  <si>
    <t>2.2.2.a Verify services, protocols and ports - Disable Standard Services - kshell</t>
  </si>
  <si>
    <t>2.2.2.a Verify services, protocols and ports - Disable Standard Services - login</t>
  </si>
  <si>
    <t>2.2.2.a Verify services, protocols and ports - Disable Standard Services - ntalk</t>
  </si>
  <si>
    <t>2.2.2.a Verify services, protocols and ports - Disable Standard Services - printer</t>
  </si>
  <si>
    <t>2.2.2.a Verify services, protocols and ports - Disable Standard Services - recserv</t>
  </si>
  <si>
    <t>2.2.2.a Verify services, protocols and ports - Disable Standard Services - registrar</t>
  </si>
  <si>
    <t>2.2.2.a Verify services, protocols and ports - Disable Standard Services - rexec</t>
  </si>
  <si>
    <t>2.2.2.a Verify services, protocols and ports - Disable Standard Services - rpc.cmsd</t>
  </si>
  <si>
    <t>2.2.2.a Verify services, protocols and ports - Disable Standard Services - rpc.rquotad</t>
  </si>
  <si>
    <t>2.2.2.a Verify services, protocols and ports - Disable Standard Services - rpc.rsprayd</t>
  </si>
  <si>
    <t>2.2.2.a Verify services, protocols and ports - Disable Standard Services - rpc.rstatd</t>
  </si>
  <si>
    <t>2.2.2.a Verify services, protocols and ports - Disable Standard Services - rpc.rusersd</t>
  </si>
  <si>
    <t>2.2.2.a Verify services, protocols and ports - Disable Standard Services - rpc.rwalld</t>
  </si>
  <si>
    <t>2.2.2.a Verify services, protocols and ports - Disable Standard Services - rpc.ttdbserver</t>
  </si>
  <si>
    <t>2.2.2.a Verify services, protocols and ports - Disable Standard Services - shell</t>
  </si>
  <si>
    <t>2.2.2.a Verify services, protocols and ports - Disable Standard Services - telnet</t>
  </si>
  <si>
    <t>2.2.2.a Verify services, protocols and ports - Disable Standard Services - tftp</t>
  </si>
  <si>
    <t>2.2.2.a Verify services, protocols and ports - Disable Standard Services - uucp</t>
  </si>
  <si>
    <t>2.2.2.a Verify services, protocols and ports - Disable tcpmux-server</t>
  </si>
  <si>
    <t>This rule verifies that tcpmux-server is disabled.</t>
  </si>
  <si>
    <t>2.2.2.a Verify services, protocols and ports - Disable the CDE GUI login, if possible</t>
  </si>
  <si>
    <t>This rule verifies that GUI login is disabled.</t>
  </si>
  <si>
    <t>2.2.2.a Verify services, protocols and ports - Disable the rhnsd Daemon</t>
  </si>
  <si>
    <t>This rule verifies that rhnsd daemon is not running.</t>
  </si>
  <si>
    <t>2.2.2.a Verify services, protocols and ports - Disable Volume Manager - smserver</t>
  </si>
  <si>
    <t>2.2.2.a Verify services, protocols and ports - Disable Volume Manager - vold</t>
  </si>
  <si>
    <t>This rule verifies that vold service is not running.</t>
  </si>
  <si>
    <t>2.2.2.a Verify services, protocols and ports - Disable X11 Forwarding for SSH</t>
  </si>
  <si>
    <t>2.2.2.a Verify services, protocols and ports - Disable yum-updatesd</t>
  </si>
  <si>
    <t>This rule verifies that yum-updatesd daemon is not running.</t>
  </si>
  <si>
    <t>2.2.2.a Verify services, protocols and ports - Do Not Allow Users to Set Environment Options</t>
  </si>
  <si>
    <t>2.2.2.a Verify services, protocols and ports - Enable anacron Daemon</t>
  </si>
  <si>
    <t>This rule verifies that the 'cronie-anacron' package is installed.</t>
  </si>
  <si>
    <t>This rule verifies that anacron is running.</t>
  </si>
  <si>
    <t>2.2.2.a Verify services, protocols and ports - Enable cron Daemon</t>
  </si>
  <si>
    <t>This rule verifies that cron service is running.</t>
  </si>
  <si>
    <t>2.2.2.a Verify services, protocols and ports - Enable crond Daemon</t>
  </si>
  <si>
    <t>This rule verifies that crond service is enabled and running.</t>
  </si>
  <si>
    <t>This rule verifies that cron is running.</t>
  </si>
  <si>
    <t>2.2.2.a Verify services, protocols and ports - Ensure Avahi Server is not enabled</t>
  </si>
  <si>
    <t>This rule verifies that avahi service is not running.</t>
  </si>
  <si>
    <t>2.2.2.a Verify services, protocols and ports - Ensure Biosdevname is not enabled</t>
  </si>
  <si>
    <t>This rule verifies that 'biosdevname' package is not installed.</t>
  </si>
  <si>
    <t>2.2.2.a Verify services, protocols and ports - Ensure chargen is not enabled</t>
  </si>
  <si>
    <t>2.2.2.a Verify services, protocols and ports - Ensure chargen-udp is not enabled</t>
  </si>
  <si>
    <t>This rule verifies that chargen-udp service is not running.</t>
  </si>
  <si>
    <t>2.2.2.a Verify services, protocols and ports - Ensure daytime is not enabled</t>
  </si>
  <si>
    <t>2.2.2.a Verify services, protocols and ports - Ensure daytime-udp is not enabled</t>
  </si>
  <si>
    <t>This rule verifies that daytime-udp service is not running.</t>
  </si>
  <si>
    <t>2.2.2.a Verify services, protocols and ports - Ensure DHCP Server is not enabled</t>
  </si>
  <si>
    <t>This rule verifies that dhcp service is not running.</t>
  </si>
  <si>
    <t>2.2.2.a Verify services, protocols and ports - Ensure discard is not enabled</t>
  </si>
  <si>
    <t>2.2.2.a Verify services, protocols and ports - Ensure discard-udp is not enabled</t>
  </si>
  <si>
    <t>This rule verifies that discard-udp service is not running.</t>
  </si>
  <si>
    <t>2.2.2.a Verify services, protocols and ports - Ensure DNS Server is not enabled</t>
  </si>
  <si>
    <t>This rule verifies that named service is not running.</t>
  </si>
  <si>
    <t>2.2.2.a Verify services, protocols and ports - Ensure echo is not enabled</t>
  </si>
  <si>
    <t>2.2.2.a Verify services, protocols and ports - Ensure echo-udp is not enabled</t>
  </si>
  <si>
    <t>This rule verifies that echo-udp service is not running.</t>
  </si>
  <si>
    <t>2.2.2.a Verify services, protocols and ports - Ensure FTP Server is not enabled</t>
  </si>
  <si>
    <t>This rule verifies that vsftpd service is not running.</t>
  </si>
  <si>
    <t>2.2.2.a Verify services, protocols and ports - Ensure HTTP Proxy Server is not enabled</t>
  </si>
  <si>
    <t>This rule verifies that squid service is not running.</t>
  </si>
  <si>
    <t>2.2.2.a Verify services, protocols and ports - Ensure HTTP Server is not enabled</t>
  </si>
  <si>
    <t>This rule verifies that apache2 service is not running.</t>
  </si>
  <si>
    <t>2.2.2.a Verify services, protocols and ports - Ensure IMAP and POP server is not enabled</t>
  </si>
  <si>
    <t>This rule verifies that cyrus service is not running.</t>
  </si>
  <si>
    <t>2.2.2.a Verify services, protocols and ports - Ensure LDAP is not enabled</t>
  </si>
  <si>
    <t>This rule verifies that below packages are not installed:    openldap2  openldap2-client</t>
  </si>
  <si>
    <t>2.2.2.a Verify services, protocols and ports - Ensure NFS and RPC are not enabled</t>
  </si>
  <si>
    <t>This rule verifies that below daemons are not running:    rpcbind  nfs</t>
  </si>
  <si>
    <t>2.2.2.a Verify services, protocols and ports - Ensure NIS Client is not installed</t>
  </si>
  <si>
    <t>This rule verifies that 'ypbind' package is not installed.</t>
  </si>
  <si>
    <t>2.2.2.a Verify services, protocols and ports - Ensure NIS Server is not enabled</t>
  </si>
  <si>
    <t>This rule verifies that ypserv service is not running.</t>
  </si>
  <si>
    <t>2.2.2.a Verify services, protocols and ports - Ensure print server is not enabled</t>
  </si>
  <si>
    <t>This rule verifies that cups service is not running.</t>
  </si>
  <si>
    <t>2.2.2.a Verify services, protocols and ports - Ensure rsh client is not installed</t>
  </si>
  <si>
    <t>This rule verifies that 'rsh' package is not installed.</t>
  </si>
  <si>
    <t>2.2.2.a Verify services, protocols and ports - Ensure rsh server is not enabled</t>
  </si>
  <si>
    <t>This rule verifies that shell service is not running.</t>
  </si>
  <si>
    <t>2.2.2.a Verify services, protocols and ports - Ensure rsync service is not enabled</t>
  </si>
  <si>
    <t>This rule verifies that rsyncd service is not running.</t>
  </si>
  <si>
    <t>2.2.2.a Verify services, protocols and ports - Ensure Samba is not enabled</t>
  </si>
  <si>
    <t>This rule verifies that smb service is not running.</t>
  </si>
  <si>
    <t>2.2.2.a Verify services, protocols and ports - Ensure SNMP Server is not enabled</t>
  </si>
  <si>
    <t>This rule verifies that snmpd service is not running.</t>
  </si>
  <si>
    <t>2.2.2.a Verify services, protocols and ports - Ensure talk client is not installed</t>
  </si>
  <si>
    <t>This rule verifies that 'talk' package is not installed.</t>
  </si>
  <si>
    <t>2.2.2.a Verify services, protocols and ports - Ensure talk server is not enabled</t>
  </si>
  <si>
    <t>2.2.2.a Verify services, protocols and ports - Ensure telnet server is not enabled</t>
  </si>
  <si>
    <t>2.2.2.a Verify services, protocols and ports - Ensure tftp-server is not enabled - atftpd</t>
  </si>
  <si>
    <t>This rule verifies that atftpd service is not running.</t>
  </si>
  <si>
    <t>2.2.2.a Verify services, protocols and ports - Ensure tftp-server is not enabled - tftp</t>
  </si>
  <si>
    <t>2.2.2.a Verify services, protocols and ports - Ensure time is not enabled</t>
  </si>
  <si>
    <t>2.2.2.a Verify services, protocols and ports - Ensure time-udp is not enabled</t>
  </si>
  <si>
    <t>This rule verifies that time-udp service is not running.</t>
  </si>
  <si>
    <t>2.2.2.a Verify services, protocols and ports - Ensure X Windows is not installed</t>
  </si>
  <si>
    <t>This rule verifies that 'xorg-x11' package is not installed.</t>
  </si>
  <si>
    <t>2.2.2.a Verify services, protocols and ports - Ensure xinetd is not enabled</t>
  </si>
  <si>
    <t>This rule verifies that xinetd service is not running.</t>
  </si>
  <si>
    <t>2.2.2.a Verify services, protocols and ports - Fax Service (Fax)</t>
  </si>
  <si>
    <t>The fax service is used for the unattended reception of incoming faxes. It is not required for the sending, or manual reception of faxes. It does require that a computer be left running all the time, and have the modem set to auto-answer. Generally speaking, with the low cost of dedicated fax machines, the secure answer to most faxing needs would be to have a dedicated fax machine to receive faxes, while still using the computer to manually send faxes when appropriate.  The default setting for this rule is  Disabled.</t>
  </si>
  <si>
    <t>2.2.2.a Verify services, protocols and ports - File Replication (NtFrs)</t>
  </si>
  <si>
    <t>The File Replication Service (FRS) maintains a consistent file share replicated across multiple servers. This is used to maintain the SYSVOL share on domain controllers. FRS can be used to create pools of relatively static documents on Local Area Networks, and replicate changes across slow links, rather than keeping all the documents stored in one location. Users then access the file stored on the local network, and only changes to the files are sent across the link.  The default setting is Disabled.</t>
  </si>
  <si>
    <t>2.2.2.a Verify services, protocols and ports - File Server for Macintosh (MacFile)</t>
  </si>
  <si>
    <t>This service enables Macintosh computers to access files on Windows 2003 file servers.  The default setting for this rule is Disabled.</t>
  </si>
  <si>
    <t>2.2.2.a Verify services, protocols and ports - FTP Publishing Service (MSFtpsvc)</t>
  </si>
  <si>
    <t>The FTP Publishing Service is part of the Internet Information Server suite of Internet applications. It is not installed by default. It is used for making files on your local machine available to other users on your network or the Internet. Generally speaking, workstations do not share files with other computers. This service should be disabled, or removed. If it is going to be installed, it should be properly maintained, which is a subject beyond the scope of this benchmark.  The default setting for this rule is Disabled.</t>
  </si>
  <si>
    <t>2.2.2.a Verify services, protocols and ports - Help and Support (helpsvc)</t>
  </si>
  <si>
    <t>The Help and Support service allows the Help and Support center to run on the local computer. When disabled, the user will not be able to start the Help and Support center, although they will still be able to open up the help files on disk in the Windows\Help folder.  The default setting for this rule is Disabled.</t>
  </si>
  <si>
    <t>2.2.2.a Verify services, protocols and ports - HTTP SSL (HTTPFilter)</t>
  </si>
  <si>
    <t>This service enables Secure Socket Layer (SSL) transport of the HTTP protocol through Internet Information Services (IIS).  The default setting is Disabled.</t>
  </si>
  <si>
    <t>2.2.2.a Verify services, protocols and ports - IIS Admin Service (IISADMIN)</t>
  </si>
  <si>
    <t>Also part of the IIS suite of services, the IIS Admin Service manages the other IIS services. If this service is not running, the other services that are part of the IIS suite will not function either. Disable this service. If possible, this should be removed from workstations. The default setting for this rule is Disabled.</t>
  </si>
  <si>
    <t>2.2.2.a Verify services, protocols and ports - Indexing Service (cisvc)</t>
  </si>
  <si>
    <t>This rule determines if unapproved services are loaded and running. The default setting for this rule is Disabled.</t>
  </si>
  <si>
    <t>2.2.2.a Verify services, protocols and ports - inetd - disabling inetd</t>
  </si>
  <si>
    <t>This rule verifies that inetd process is not running.</t>
  </si>
  <si>
    <t>2.2.2.a Verify services, protocols and ports - Install AIDE</t>
  </si>
  <si>
    <t>This rule verifies that aide is installed.</t>
  </si>
  <si>
    <t>2.2.2.a Verify services, protocols and ports - Install and configure HP-UX Secure Shell (1)</t>
  </si>
  <si>
    <t>This rule checks for below:    Protocol = 2  X11Forwarding = yes  IgnoreRhosts = yes  RhostsAuthentication = no  RhostsRSAAuthentication = no  PermitRootLogin = no  PermitEmptyPasswords = no  Banner = /etc/issue</t>
  </si>
  <si>
    <t>2.2.2.a Verify services, protocols and ports - Install and configure HP-UX Secure Shell (2)</t>
  </si>
  <si>
    <t>This rule verifies that the files /opt/ssh/etc/sshd_config and /opt/ssh/etc/ssh_config have ownership of root:sys and permissions of 644.</t>
  </si>
  <si>
    <t>2.2.2.a Verify services, protocols and ports - License Logging Service (LicenseService)</t>
  </si>
  <si>
    <t>The license monitoring service watches licensing of some Microsoft software running on the computer.  The default setting for this rule is Disabled.</t>
  </si>
  <si>
    <t>2.2.2.a Verify services, protocols and ports - Limit Consecutive Login Attempts for SSH</t>
  </si>
  <si>
    <t>This rule verifies that MaxAuthTries parameter is set to 3.</t>
  </si>
  <si>
    <t>2.2.2.a Verify services, protocols and ports - Messenger (Messenger)</t>
  </si>
  <si>
    <t>The Messenger service works in tandem with the Alerter service. It allows Alerter services of multiple computers to send alerts to each other over a network. Most users can live without the messenger and alerter services and still accomplish the tasks they need to do in the course of a normal day.  The default setting for this rule is Disabled.</t>
  </si>
  <si>
    <t>2.2.2.a Verify services, protocols and ports - Microsoft POP3 Service</t>
  </si>
  <si>
    <t>The POP3 Service enables a Post Office Protocol version 3 service on the computer. This plain text unencrypted protocol allows a user to retrieve messages from a mail box. It is typically used hand-in-hand with the Simple Mail Transport Protocol (SMTP), necessary for sending messages. The default setting for this rule is Disabled.</t>
  </si>
  <si>
    <t>2.2.2.a Verify services, protocols and ports - Miscellaneous Config - block talk/write - csh.login</t>
  </si>
  <si>
    <t>This rule verifies that "mesg n" entry is present in /etc/csh.login file.</t>
  </si>
  <si>
    <t>2.2.2.a Verify services, protocols and ports - Miscellaneous Config - block talk/write - profile</t>
  </si>
  <si>
    <t>This rule verifies that "mesg n" entry is present in /etc/profile file.</t>
  </si>
  <si>
    <t>2.2.2.a Verify services, protocols and ports - Miscellaneous Config - disable httpdlite</t>
  </si>
  <si>
    <t>This rule verifies that there is no entry for httpdlite in /etc/inittab.</t>
  </si>
  <si>
    <t>2.2.2.a Verify services, protocols and ports - Miscellaneous Config - disable i4ls</t>
  </si>
  <si>
    <t>This rule verifies that there is no entry for i4ls in /etc/inittab.</t>
  </si>
  <si>
    <t>2.2.2.a Verify services, protocols and ports - Miscellaneous Config - disable NCS</t>
  </si>
  <si>
    <t>This rule verifies that there is no entry for rcncs in /etc/inittab.</t>
  </si>
  <si>
    <t>2.2.2.a Verify services, protocols and ports - Miscellaneous Config - disable pmd</t>
  </si>
  <si>
    <t>This rule verifies that there is no entry for pmd in /etc/inittab.</t>
  </si>
  <si>
    <t>2.2.2.a Verify services, protocols and ports - Miscellaneous Config - disable writesrv</t>
  </si>
  <si>
    <t>This rule verifies that there is no entry for writesrv in /etc/inittab.</t>
  </si>
  <si>
    <t>2.2.2.a Verify services, protocols and ports - NetMeeting Remote Desktop Sharing (mnmsrvc)</t>
  </si>
  <si>
    <t>Microsoft has made one of the better collaboration tools that is available on the market today, but at the same time they took that tool – NetMeeting – and tried to make it into a remote control utility for help desk personnel to take control of your computer in time of need. In a world of hacker attacks and buffer overflows, it seems like only a matter of time before an exploit is discovered, or it is just abused. If you don’t have a dedicated help desk, or your help desk doesn’t use NetMeeting Remote Desktop Sharing, disable this service. If your organization requires this service, it should understand that there may be a risk involved.  The default setting for this rule is Disabled.</t>
  </si>
  <si>
    <t>2.2.2.a Verify services, protocols and ports - Network Connections</t>
  </si>
  <si>
    <t>This service manages all the objects in the ?Network Connections? folder in Explorer. If set to manual, the service will automatically start when required.  The default setting for this rule is Manual.</t>
  </si>
  <si>
    <t>2.2.2.a Verify services, protocols and ports - Network News Transport Protocol (NNTP) (NntpSvc)</t>
  </si>
  <si>
    <t>The NNTP service allows an IIS server to host news group discussions. The discussions can be hosted locally, or can be forwarded to clients from external news servers. Most popular mail clients include a news reader.  The default setting for this rule is Disabled.</t>
  </si>
  <si>
    <t>2.2.2.a Verify services, protocols and ports - NFS - de-install NFS</t>
  </si>
  <si>
    <t>This rule verifies that bos.net.nfs.server package does not exist.</t>
  </si>
  <si>
    <t>2.2.2.a Verify services, protocols and ports - NFS - de-install NFS client</t>
  </si>
  <si>
    <t>This rule verifies that bos.net.nfs.client package does not exist.</t>
  </si>
  <si>
    <t>2.2.2.a Verify services, protocols and ports - NFS - de-install NFS server</t>
  </si>
  <si>
    <t>2.2.2.a Verify services, protocols and ports - NFS - localhost removal</t>
  </si>
  <si>
    <t>This rule verifies that there is no reference to localhost in nfs export options.</t>
  </si>
  <si>
    <t>2.2.2.a Verify services, protocols and ports - NFS - no_root_squash option</t>
  </si>
  <si>
    <t>This rule verifies that there is no entries for anon in nfs export options.</t>
  </si>
  <si>
    <t>2.2.2.a Verify services, protocols and ports - NFS - nosuid on NFS client mounts</t>
  </si>
  <si>
    <t>This rule verifies that for nfs file system, mount option "nosuid" exists.</t>
  </si>
  <si>
    <t>2.2.2.a Verify services, protocols and ports - NIS - de-install NIS client</t>
  </si>
  <si>
    <t>This rule verifies that bos.net.nis.client package does not exist.</t>
  </si>
  <si>
    <t>2.2.2.a Verify services, protocols and ports - NIS - de-install NIS server</t>
  </si>
  <si>
    <t>This rule verifies that bos.net.nis.server package does not exist.</t>
  </si>
  <si>
    <t>2.2.2.a Verify services, protocols and ports - NIS - disable NIS client</t>
  </si>
  <si>
    <t>2.2.2.a Verify services, protocols and ports - NIS - disable NIS server</t>
  </si>
  <si>
    <t>2.2.2.a Verify services, protocols and ports - NIS - remove NIS markers - group</t>
  </si>
  <si>
    <t>This rule verifies that there are no '+' entries in group file.</t>
  </si>
  <si>
    <t>2.2.2.a Verify services, protocols and ports - NIS - remove NIS markers - passwd</t>
  </si>
  <si>
    <t>This rule verifies that there are no '+' entries in passwd file.</t>
  </si>
  <si>
    <t>2.2.2.a Verify services, protocols and ports - Print Server for Macintosh (MacPrint)</t>
  </si>
  <si>
    <t>The MacPrint service allows a Macintosh client to print to printers connected to this machine. The default setting for this rule is Disabled.</t>
  </si>
  <si>
    <t>2.2.2.a Verify services, protocols and ports - Remote Access Auto Connection Manager (RasAuto)</t>
  </si>
  <si>
    <t>When attempting to access a resource on a remote network, the Auto Connection Manager service will automatically start the network connection when necessary. This should not be necessary for a server, since servers should have network connections permanently configured for persistent connections.  The default setting for this rule is Disabled.</t>
  </si>
  <si>
    <t>2.2.2.a Verify services, protocols and ports - Remote Access Connection Manager (RasMan)</t>
  </si>
  <si>
    <t>The RasMan service is necessary for creating remote network connections. These do not include an attached Ethernet interface. This service is required for Internet Connection Sharing.  The default setting for this rule is Disabled.</t>
  </si>
  <si>
    <t>2.2.2.a Verify services, protocols and ports - Remote Administration Service</t>
  </si>
  <si>
    <t>The Remote Administration Service will perform various administrative tasks requested by the Remote Server Manager. The Remote Server Manager service will start this when needed.  The default setting for this rule is Disabled.</t>
  </si>
  <si>
    <t>2.2.2.a Verify services, protocols and ports - Remote command lockdown</t>
  </si>
  <si>
    <t>This rule verifies that for below files mode is 0:    /usr/bin/rcp  /usr/bin/rlogin  /usr/bin/rsh</t>
  </si>
  <si>
    <t>2.2.2.a Verify services, protocols and ports - Remote daemon lockdown</t>
  </si>
  <si>
    <t>This rule verifies that for below files mode is 0:    /usr/sbin/rlogind  /usr/sbin/tftpd  /usr/sbin/rshd</t>
  </si>
  <si>
    <t>2.2.2.a Verify services, protocols and ports - Remote Desktop Help Session Manager (RDSessMgr)</t>
  </si>
  <si>
    <t>This service supports the Remote Assistance functionality. Disable the service to prohibit the use of Remote Assistance. The default setting for this rule is Disabled.</t>
  </si>
  <si>
    <t>2.2.2.a Verify services, protocols and ports - Remote Installation (BINLSVC)</t>
  </si>
  <si>
    <t>Also known as the Boot Information Negotiation Layer service, the Remote Installation service should run only on servers used to manage client boot requests. These requests are part of the Pre-boot eXecution Environment (PXE); a Remote Installation server forms part of the infrastructure necessary to boot workstations from the network and push down an operating system image. The default setting for this rule is Disabled.</t>
  </si>
  <si>
    <t>2.2.2.a Verify services, protocols and ports - Remote Procedure Call (RPC) Locator (RpcLocator)</t>
  </si>
  <si>
    <t>This service can be used by remote clients that use the RpcNs API to locate services on a remote computer. The service is not used for local identification of services. The service opens up a listener on TCP port 135. The default setting for this rule is Disabled.</t>
  </si>
  <si>
    <t>2.2.2.a Verify services, protocols and ports - Remote Server Manager (AppMgr)</t>
  </si>
  <si>
    <t>The AppMgr service uses the Windows Management Interface (WMI) to manage remote administration alerts and tasks.  The default setting for this rule is Disabled.</t>
  </si>
  <si>
    <t>2.2.2.a Verify services, protocols and ports - Remote Server Moniter (AppMon)</t>
  </si>
  <si>
    <t>The Appmon service can monitor critical resource information on remotely managed servers.  The default setting for this rule is Disabled.</t>
  </si>
  <si>
    <t>2.2.2.a Verify services, protocols and ports - Remote Server Monitor (AppMon)</t>
  </si>
  <si>
    <t>2.2.2.a Verify services, protocols and ports - Remote Storage Notification</t>
  </si>
  <si>
    <t>The Remote Storage User Link is used to notify a user when the file being accessed is only available from alternate storage media.  The default setting for this rule is Disabled.</t>
  </si>
  <si>
    <t>2.2.2.a Verify services, protocols and ports - Remote Storage Server (Remote_Storage_Server)</t>
  </si>
  <si>
    <t>The Remote Storage Server service allows hierarchical storage based on storage cost and frequency of use. For more information on hierarchical storage, see Microsoft’s documentation on Managing Data with Removable and Remote Storage.  The default setting for this rule is Disabled.</t>
  </si>
  <si>
    <t>2.2.2.a Verify services, protocols and ports - Remove DHCP Server</t>
  </si>
  <si>
    <t>This rule verifies that dhcp package does not exist.</t>
  </si>
  <si>
    <t>2.2.2.a Verify services, protocols and ports - Remove DNS Server</t>
  </si>
  <si>
    <t>This rule verifies that bind package does not exist.</t>
  </si>
  <si>
    <t>2.2.2.a Verify services, protocols and ports - Remove Dovecot (IMAP and POP3 services)</t>
  </si>
  <si>
    <t>This rule verifies that dovecot package does not exist.</t>
  </si>
  <si>
    <t>2.2.2.a Verify services, protocols and ports - Remove FTP Server</t>
  </si>
  <si>
    <t>This rule verifies that vsftpd package does not exist.</t>
  </si>
  <si>
    <t>2.2.2.a Verify services, protocols and ports - Remove HTTP Proxy Server</t>
  </si>
  <si>
    <t>This rule verifies that squid package does not exist.</t>
  </si>
  <si>
    <t>2.2.2.a Verify services, protocols and ports - Remove HTTP Server</t>
  </si>
  <si>
    <t>This rule verifies that httpd package does not exist.</t>
  </si>
  <si>
    <t>2.2.2.a Verify services, protocols and ports - Remove LDAP</t>
  </si>
  <si>
    <t>This rule verifies that openldap-servers and openldap-clients packages do not exist.</t>
  </si>
  <si>
    <t>2.2.2.a Verify services, protocols and ports - Remove MCS Translation Service</t>
  </si>
  <si>
    <t>This rule verifies that mcstrans is not installed.</t>
  </si>
  <si>
    <t>2.2.2.a Verify services, protocols and ports - Remove MCS Translation Service (mcstrans)</t>
  </si>
  <si>
    <t>2.2.2.a Verify services, protocols and ports - Remove NIS Client</t>
  </si>
  <si>
    <t>This rule verifies that nis is not installed.</t>
  </si>
  <si>
    <t>2.2.2.a Verify services, protocols and ports - Remove NIS Server</t>
  </si>
  <si>
    <t>This rule verifies that nis server is not installed.</t>
  </si>
  <si>
    <t>2.2.2.a Verify services, protocols and ports - Remove rsh</t>
  </si>
  <si>
    <t>This rule verifies that rsh is not installed.</t>
  </si>
  <si>
    <t>2.2.2.a Verify services, protocols and ports - Remove rsh-server</t>
  </si>
  <si>
    <t>This rule verifies that rsh-server is not installed.</t>
  </si>
  <si>
    <t>2.2.2.a Verify services, protocols and ports - Remove Samba</t>
  </si>
  <si>
    <t>This rule verifies that samba package does not exist.</t>
  </si>
  <si>
    <t>2.2.2.a Verify services, protocols and ports - Remove SNMP Server</t>
  </si>
  <si>
    <t>This rule verifies that net-snmp package does not exist.</t>
  </si>
  <si>
    <t>2.2.2.a Verify services, protocols and ports - Remove talk</t>
  </si>
  <si>
    <t>This rule verifies that talk is not installed.</t>
  </si>
  <si>
    <t>2.2.2.a Verify services, protocols and ports - Remove talk-server</t>
  </si>
  <si>
    <t>This rule verifies that talk-server is not installed.</t>
  </si>
  <si>
    <t>2.2.2.a Verify services, protocols and ports - Remove telnet Clients</t>
  </si>
  <si>
    <t>This rule verifies that telnet is not installed.</t>
  </si>
  <si>
    <t>2.2.2.a Verify services, protocols and ports - Remove telnet-server</t>
  </si>
  <si>
    <t>This rule verifies that telnet-server is not installed.</t>
  </si>
  <si>
    <t>2.2.2.a Verify services, protocols and ports - Remove tftp</t>
  </si>
  <si>
    <t>This rule verifies that tftp is not installed.</t>
  </si>
  <si>
    <t>2.2.2.a Verify services, protocols and ports - Remove tftp-server</t>
  </si>
  <si>
    <t>This rule verifies that tftp-server is not installed.</t>
  </si>
  <si>
    <t>2.2.2.a Verify services, protocols and ports - Remove X Windows - runlevel</t>
  </si>
  <si>
    <t>This rule verifies that default run level is set to 3.</t>
  </si>
  <si>
    <t>2.2.2.a Verify services, protocols and ports - Remove X Windows - x window packages</t>
  </si>
  <si>
    <t>This rule verifies that no x window packages exists.</t>
  </si>
  <si>
    <t>2.2.2.a Verify services, protocols and ports - Remove xinetd</t>
  </si>
  <si>
    <t>This rule verifies that xinetd is not installed.</t>
  </si>
  <si>
    <t>2.2.2.a Verify services, protocols and ports - Set "mesg n" as Default for All Users - .login</t>
  </si>
  <si>
    <t>This rule verifies that "mesg n" entry is present in /etc/.login file.</t>
  </si>
  <si>
    <t>2.2.2.a Verify services, protocols and ports - Set "mesg n" as Default for All Users - profile</t>
  </si>
  <si>
    <t>2.2.2.a Verify services, protocols and ports - Set Daemon umask</t>
  </si>
  <si>
    <t>This rule verifies that the 'umask' configuration parameter is set to 027.</t>
  </si>
  <si>
    <t>2.2.2.a Verify services, protocols and ports - Set Idle Timeout Interval for User Login</t>
  </si>
  <si>
    <t>This rule verifies that below parameters are set:    ClientAliveInterval 300   ClientAliveCountMax 0</t>
  </si>
  <si>
    <t>2.2.2.a Verify services, protocols and ports - Set LogLevel to INFO</t>
  </si>
  <si>
    <t>2.2.2.a Verify services, protocols and ports - Set LogLevel to VERBOSE</t>
  </si>
  <si>
    <t>This rule verifies that LogLevel parameter is set to VERBOSE.</t>
  </si>
  <si>
    <t>2.2.2.a Verify services, protocols and ports - Set Permissions on /etc/ssh/sshd_config</t>
  </si>
  <si>
    <t>This rule verifies that /etc/ssh/sshd_config file permissions and user and group ownerships are 644 and root:root respectively.</t>
  </si>
  <si>
    <t>This rule verifies that /etc/ssh/sshd_config file permissions and user and group ownerships are 600 and root:root respectively.</t>
  </si>
  <si>
    <t>2.2.2.a Verify services, protocols and ports - Set SSH Banner</t>
  </si>
  <si>
    <t>This rule verifies that banner file is set to /etc/issue or /etc/issue.net.</t>
  </si>
  <si>
    <t>This rule verifies that banner file is set to /etc/issue.</t>
  </si>
  <si>
    <t>2.2.2.a Verify services, protocols and ports - Set SSH HostbasedAuthentication to No</t>
  </si>
  <si>
    <t>2.2.2.a Verify services, protocols and ports - Set SSH IgnoreRhosts to Yes</t>
  </si>
  <si>
    <t>2.2.2.a Verify services, protocols and ports - Set SSH IgnoreRhosts to yes</t>
  </si>
  <si>
    <t>2.2.2.a Verify services, protocols and ports - Set SSH MaxAuthTries to 3</t>
  </si>
  <si>
    <t>2.2.2.a Verify services, protocols and ports - Set SSH MaxAuthTries to 4 or Less</t>
  </si>
  <si>
    <t>This rule verifies that MaxAuthTries parameter is set to 4.</t>
  </si>
  <si>
    <t>2.2.2.a Verify services, protocols and ports - Set SSH MaxAuthTriesLog to 0</t>
  </si>
  <si>
    <t>This rule verifies that MaxAuthTriesLog parameter is set to 0.</t>
  </si>
  <si>
    <t>2.2.2.a Verify services, protocols and ports - Set SSH PermitEmptyPasswords to No</t>
  </si>
  <si>
    <t>2.2.2.a Verify services, protocols and ports - Set SSH PermitEmptyPasswords to no</t>
  </si>
  <si>
    <t>2.2.2.a Verify services, protocols and ports - Set SSH Protocol to 2</t>
  </si>
  <si>
    <t>2.2.2.a Verify services, protocols and ports - Set SSH RhostsAuthentication to no</t>
  </si>
  <si>
    <t>This rule verifies that RhostsAuthentication parameter is set to no.</t>
  </si>
  <si>
    <t>2.2.2.a Verify services, protocols and ports - Set SSH RhostsRSAAuthentication to no</t>
  </si>
  <si>
    <t>This rule verifies that RhostsRSAAuthentication parameter is set to no.</t>
  </si>
  <si>
    <t>2.2.2.a Verify services, protocols and ports - Simple Mail Transport Protocol (SMTP) (SMTPSVC)</t>
  </si>
  <si>
    <t>Workstations are not normally used as SMTP mail servers. This service is installed as part of the IIS suite of applications. It should be disabled or removed entirely. The default setting for this rule is Disabled.</t>
  </si>
  <si>
    <t>2.2.2.a Verify services, protocols and ports - SNMP Service (SNMP)</t>
  </si>
  <si>
    <t>The Simple Network Management Protocol (SNMP) has long been the accepted standard for remote management through all network devices – routers, hubs, Unix, and Windows alike. It was recently discovered that SNMP has been proliferating a dangerously exploitable flaw for the past ten years or so. If you do not have a system actively using SNMP for remote management, disable it or remove it from the system. The default setting for this rule is Disabled.</t>
  </si>
  <si>
    <t>2.2.2.a Verify services, protocols and ports - SNMP Trap Service (SNMPTRAP)</t>
  </si>
  <si>
    <t>Another part of the SNMP protocol is the SNMP Trap service. Just like its counterpart, it should be disabled and/or removed.  The default setting for this rule is Disabled.</t>
  </si>
  <si>
    <t>2.2.2.a Verify services, protocols and ports - Telephony (TapiSrv)</t>
  </si>
  <si>
    <t>The telephony service handles all the dial-up activity on the computer.  The default setting for this rule is Disabled.</t>
  </si>
  <si>
    <t>2.2.2.a Verify services, protocols and ports - Telnet (TlntSvr)</t>
  </si>
  <si>
    <t>The Telnet service is not often installed on workstations. It is used for remote management of network devices, and offers a command-shell based form of network access to a computer. This is all well and good, but the traffic transferred by Telnet is not protected or encrypted in any way. If this is a requirement, take the time to look into a Secure Shell (SSH) remote management solution to fulfill your needs in a more secure manner. It is well worth the time and expense.  The default setting for this rule is Disabled.</t>
  </si>
  <si>
    <t>2.2.2.a Verify services, protocols and ports - The abrtd service must not be running</t>
  </si>
  <si>
    <t>This rule verifies that abrtd service is not running.</t>
  </si>
  <si>
    <t>2.2.2.a Verify services, protocols and ports - The atd service must be disabled</t>
  </si>
  <si>
    <t>This rule verifies that atd daemon is not running.</t>
  </si>
  <si>
    <t>2.2.2.a Verify services, protocols and ports - The avahi service must be disabled</t>
  </si>
  <si>
    <t>2.2.2.a Verify services, protocols and ports - The Bluetooth service must be disabled</t>
  </si>
  <si>
    <t>This rule verifies that 'bluetooth' service is stopped.</t>
  </si>
  <si>
    <t>2.2.2.a Verify services, protocols and ports - The cron service must be running</t>
  </si>
  <si>
    <t>2.2.2.a Verify services, protocols and ports - The DCCP must be disabled unless required</t>
  </si>
  <si>
    <t>This rule verifies that the below line exists in /etc/modprobe.conf file:    install dccp /bin/false</t>
  </si>
  <si>
    <t>2.2.2.a Verify services, protocols and ports - The DHCP client must be disabled if not needed</t>
  </si>
  <si>
    <t>This rule verifies that DHCP is not enabled.</t>
  </si>
  <si>
    <t>2.2.2.a Verify services, protocols and ports - The FTP daemon must be configured for logging</t>
  </si>
  <si>
    <t>This rule verifies that 'xferlog_enable' parameter is set to Yes.</t>
  </si>
  <si>
    <t>2.2.2.a Verify services, protocols and ports - The FTPS/FTP service banner</t>
  </si>
  <si>
    <t>This rule verifies that 'banner_file' parameter is set to '/etc/issue'.</t>
  </si>
  <si>
    <t>2.2.2.a Verify services, protocols and ports - The netconsole service must be disabled</t>
  </si>
  <si>
    <t>This rule verifies that 'netconsole' service is stopped.</t>
  </si>
  <si>
    <t>2.2.2.a Verify services, protocols and ports - The ntpdate service must not be running</t>
  </si>
  <si>
    <t>This rule verifies that ntpdate service is not running.</t>
  </si>
  <si>
    <t>2.2.2.a Verify services, protocols and ports - The oddjobd service must not be running</t>
  </si>
  <si>
    <t>This rule verifies that oddjobd service is not running.</t>
  </si>
  <si>
    <t>2.2.2.a Verify services, protocols and ports - The postfix service must be enabled for mail delivery</t>
  </si>
  <si>
    <t>This rule verifies that postfix service is running.</t>
  </si>
  <si>
    <t>2.2.2.a Verify services, protocols and ports - The qpidd service must not be running</t>
  </si>
  <si>
    <t>This rule verifies that qpidd service is not running.</t>
  </si>
  <si>
    <t>2.2.2.a Verify services, protocols and ports - The rdisc service must not be running</t>
  </si>
  <si>
    <t>This rule verifies that rdisc service is not running.</t>
  </si>
  <si>
    <t>2.2.2.a Verify services, protocols and ports - The RDS protocol must be disabled unless required</t>
  </si>
  <si>
    <t>This rule verifies that the below line exists in /etc/modprobe.conf file:    install rds /bin/false</t>
  </si>
  <si>
    <t>2.2.2.a Verify services, protocols and ports - The rexecd service must not be running</t>
  </si>
  <si>
    <t>This rule verifies that rexec daemon is not running.</t>
  </si>
  <si>
    <t>2.2.2.a Verify services, protocols and ports - The rhnsd service must not be running</t>
  </si>
  <si>
    <t>2.2.2.a Verify services, protocols and ports - The rlogind service must not be running</t>
  </si>
  <si>
    <t>This rule verifies that rlogin daemon is not running.</t>
  </si>
  <si>
    <t>2.2.2.a Verify services, protocols and ports - The rsh-server package must not be installed</t>
  </si>
  <si>
    <t>2.2.2.a Verify services, protocols and ports - The rshd service must not be running</t>
  </si>
  <si>
    <t>This rule verifies that rsh daemon is not running.</t>
  </si>
  <si>
    <t>2.2.2.a Verify services, protocols and ports - The SCTP must be disabled unless required</t>
  </si>
  <si>
    <t>This rule verifies that the below line exists in /etc/modprobe.conf file:    install sctp /bin/false</t>
  </si>
  <si>
    <t>2.2.2.a Verify services, protocols and ports - The SSH daemon must ignore .rhosts files</t>
  </si>
  <si>
    <t>2.2.2.a Verify services, protocols and ports - The SSH daemon must set a timeout count</t>
  </si>
  <si>
    <t>This rule verifies that ClientAliveCountMax parameter is set to 0.</t>
  </si>
  <si>
    <t>2.2.2.a Verify services, protocols and ports - The SSH daemon must set a timeout interval</t>
  </si>
  <si>
    <t>This rule verifies that ClientAliveInterval parameter is set to 900.</t>
  </si>
  <si>
    <t>2.2.2.a Verify services, protocols and ports - The system must not permit root logins</t>
  </si>
  <si>
    <t>2.2.2.a Verify services, protocols and ports - The telnet daemon must not be running</t>
  </si>
  <si>
    <t>This rule verifies that telnet daemon is not running.</t>
  </si>
  <si>
    <t>2.2.2.a Verify services, protocols and ports - The telnet-server package must not be installed</t>
  </si>
  <si>
    <t>2.2.2.a Verify services, protocols and ports - The TFTP daemon must operate in secure mode</t>
  </si>
  <si>
    <t>This rule verifies that tftp is running in secure mode.</t>
  </si>
  <si>
    <t>2.2.2.a Verify services, protocols and ports - The TFTP service must not be running</t>
  </si>
  <si>
    <t>This rule verifies that tftp daemon is not running.</t>
  </si>
  <si>
    <t>2.2.2.a Verify services, protocols and ports - The tftp-server package must not be installed</t>
  </si>
  <si>
    <t>2.2.2.a Verify services, protocols and ports - The TIPC protocol must be disabled unless required</t>
  </si>
  <si>
    <t>This rule verifies that the below line exists in /etc/modprobe.conf file:    install tipc /bin/false</t>
  </si>
  <si>
    <t>2.2.2.a Verify services, protocols and ports - The xinetd service must be disabled</t>
  </si>
  <si>
    <t>2.2.2.a Verify services, protocols and ports - The xinetd service must be uninstalled</t>
  </si>
  <si>
    <t>2.2.2.a Verify services, protocols and ports - The ypbind service must not be running</t>
  </si>
  <si>
    <t>2.2.2.a Verify services, protocols and ports - The ypserv package must not be installed</t>
  </si>
  <si>
    <t>2.2.2.a Verify services, protocols and ports - Trivial FTP Daemon (tftpd)</t>
  </si>
  <si>
    <t>Trivial FTP (tftp) offers a lightweight, unauthenticated version of the FTP protocol. The service is typically used for bootstrapping devices during automated startup, and is part of the requirements for a Remote Installation service (see 4.1.24). However, tftp is also a favorite protocol for propagation of worms and Trojan horse applications, and should be disabled wherever possible. The default setting for this rule is  Disabled.</t>
  </si>
  <si>
    <t>2.2.2.a Verify services, protocols and ports - Upgrade Password Hashing Algorithm to SHA-512</t>
  </si>
  <si>
    <t>This rule verifies that below line exists in /etc/pam.d/system-auth file:    password sufficient pam_unix.so sha512</t>
  </si>
  <si>
    <t>2.2.2.a Verify services, protocols and ports - Use Only Approved Cipher in Counter Mode</t>
  </si>
  <si>
    <t>2.2.2.a Verify services, protocols and ports - Volume Shadow Copy (VSS)</t>
  </si>
  <si>
    <t>The Volume Shadow Service implements Volume Shadow Copies of files stored on network shares to be used for revisioning and backup purposes. It can be thought of as the ?network recycle bin?. Note that this will break some backup systems and is not recommended without investigation.  The default setting for this rule is Disabled.</t>
  </si>
  <si>
    <t>2.2.2.a Verify services, protocols and ports - Windows Media Services (wmserver)</t>
  </si>
  <si>
    <t>The Windows Media Services service provides streaming media over IP-based networks. If the target device does need this service it , this service should be disabled as it has a history of security problems.  The default setting for this rule is Disabled.</t>
  </si>
  <si>
    <t>2.2.2.a Verify services, protocols and ports - Wireless Configuration (WZCSVC)</t>
  </si>
  <si>
    <t>The Wireless Zero Configuration service is used to effortlessly configure wireless networking service. If the target device does not have a wireless network card, this service should be disabled.  The default setting for this rule is Disabled.</t>
  </si>
  <si>
    <t>2.2.2.a Verify services, protocols and ports - World Wide Web Publishing Service (W3SVC)</t>
  </si>
  <si>
    <t>The grand-daddy of all exploitable services is Microsoft’s World Wide Web service. It is the most often attacked web-server platform on the Internet today. As a result, it has had the most bugs found, and the most flaws exploited. This server is not installed by default, but should not exist on your average workstation. If it is not going to be properly maintained by personnel with an education in IIS security, it should be disabled or removed.  The default setting for this rule is Disabled.</t>
  </si>
  <si>
    <t>2.2.4 Configure system security parameters - “Forged Transmits" is set to reject - dvportgroup</t>
  </si>
  <si>
    <t>This rule verifies that “Forged Transmits” policy is set to reject for distributed portgroups.    Note: This rule currently generates false positives for uplink portgroups since uplink and distributed portgroups are clubbed in one data class and there is no way to differentiate them. The results for uplink portgroups should plainly be IGNORED.</t>
  </si>
  <si>
    <t>2.2.4 Configure system security parameters - “Forged Transmits” is set to reject - portgroup</t>
  </si>
  <si>
    <t>This rule verifies that Forged Transmits policy is not set to accept on each portgroup.    Note: If Forged Transmits is set at the vSwitch Level to Reject, then this check is compliant until and unless it is set to override vSwitch setting to accept Forged Transmits.</t>
  </si>
  <si>
    <t>2.2.4 Configure system security parameters - “Forged Transmits” is set to reject - vSwitch</t>
  </si>
  <si>
    <t>This rule verifies that Forged Transmits policy is set to reject on each vSwitch.</t>
  </si>
  <si>
    <t>2.2.4 Configure system security parameters - “Forged Transmits” policy is set to reject</t>
  </si>
  <si>
    <t>This rule verifies that Forged Transmits policy is set to reject.</t>
  </si>
  <si>
    <t>This rule verifies that “Forged Transmits” policy is set to reject for distributed portgroups.</t>
  </si>
  <si>
    <t>2.2.4 Configure system security parameters - “MAC Address Change” policy is set to reject</t>
  </si>
  <si>
    <t>This rule verifies that MAC address change policy is set to reject.</t>
  </si>
  <si>
    <t>This rule verifies that “MAC Address Change” policy is set to reject for distributed portgroups.</t>
  </si>
  <si>
    <t>2.2.4 Configure system security parameters - “MAC Address Changes” is set to reject - dvportgroup</t>
  </si>
  <si>
    <t>This rule verifies that “MAC Address Changes” policy is set to reject for distributed portgroups.    Note: This rule currently generates false positives for uplink portgroups since uplink and distributed portgroups are clubbed in one data class and there is no way to differentiate them. The results for uplink portgroups should plainly be IGNORED.</t>
  </si>
  <si>
    <t>2.2.4 Configure system security parameters - “MAC Address Changes” is set to reject - portgroup</t>
  </si>
  <si>
    <t>This rule verifies that 'MAC Address Changes' policy is not set to accept on each portgroup.    Note: If 'MAC Address Changes' is set at the vSwitch Level to Reject, then this check is compliant until and unless it is set to override vSwitch setting to accept 'MAC Address Changes'.</t>
  </si>
  <si>
    <t>2.2.4 Configure system security parameters - “MAC Address Changes” is set to reject - vSwitch</t>
  </si>
  <si>
    <t>This rule verifies that 'MAC Address Changes' policy is set to reject on each vSwitch.</t>
  </si>
  <si>
    <t>2.2.4 Configure system security parameters - “Promiscuous Mode” is set to reject - dvportgroup</t>
  </si>
  <si>
    <t>This rule verifies that “Promiscuous Mode” policy is set to reject for distributed portgroups.    Note: This rule currently generates false positives for uplink portgroups since uplink and distributed portgroups are clubbed in one data class and there is no way to differentiate them. The results for uplink portgroups should plainly be IGNORED.</t>
  </si>
  <si>
    <t>2.2.4 Configure system security parameters - “Promiscuous Mode” is set to reject - portgroup</t>
  </si>
  <si>
    <t>This rule verifies that Promiscuous Mode policy is not set to accept on each portgroup.    Note: If Promiscuous Mode is set at the vSwitch Level to Reject, then this check is compliant until and unless it is set to override vSwitch setting to accept Promiscuous Mode.</t>
  </si>
  <si>
    <t>2.2.4 Configure system security parameters - “Promiscuous Mode” is set to reject - vSwitch</t>
  </si>
  <si>
    <t>This rule verifies that Promiscuous Mode policy is set to reject on each vSwitch.</t>
  </si>
  <si>
    <t>2.2.4 Configure system security parameters - “Promiscuous Mode” policy is set to reject</t>
  </si>
  <si>
    <t>This rule verifies that Promiscuous Mode policy is set to reject.</t>
  </si>
  <si>
    <t>This rule verifies that “Promiscuous Mode” policy is set to reject for distributed portgroups.</t>
  </si>
  <si>
    <t>2.2.4 Configure system security parameters - Audit all uses of PCI or PCIe passthrough functionality</t>
  </si>
  <si>
    <t>This rule verifies that for all VMs pciPassthru*.present property does not exist.</t>
  </si>
  <si>
    <t>2.2.4 Configure system security parameters - Avoid using independent nonpersistent disks</t>
  </si>
  <si>
    <t>This rule verifies that for all VMs nonpersistent disk mode is not used.</t>
  </si>
  <si>
    <t>2.2.4 Configure system security parameters - Check for enablement of salted VM's</t>
  </si>
  <si>
    <t>This rule verifies that for all VMs sched.mem.pshare.salt is not set.</t>
  </si>
  <si>
    <t>2.2.4 Configure system security parameters - Configure persistent logging for all ESXi host</t>
  </si>
  <si>
    <t>This rule verifies that Syslog.global.logDir parameter is not set to "[] /scratch/log".</t>
  </si>
  <si>
    <t>2.2.4 Configure system security parameters - Control access to VM console via VNC protocol</t>
  </si>
  <si>
    <t>This rule verifies that for all VMs RemoteDisplay.vnc.enabled property is set to FALSE.</t>
  </si>
  <si>
    <t>2.2.4 Configure system security parameters - Disable certain unexposed features - autologon</t>
  </si>
  <si>
    <t>This rule verifies that for all VMs isolation.tools.ghi.autologon.disable property is set to true.</t>
  </si>
  <si>
    <t>This rule verifies that for all VMs isolation.tools.ghi.autologon.disable property is set to TRUE.</t>
  </si>
  <si>
    <t>2.2.4 Configure system security parameters - Disable certain unexposed features - biosbbs</t>
  </si>
  <si>
    <t>This rule verifies that for all VMs isolation.bios.bbs.disable property is set to true.</t>
  </si>
  <si>
    <t>This rule verifies that for all VMs isolation.bios.bbs.disable property is set to TRUE.</t>
  </si>
  <si>
    <t>2.2.4 Configure system security parameters - Disable certain unexposed features - getcreds</t>
  </si>
  <si>
    <t>This rule verifies that for all VMs isolation.tools.getCreds.disable property is set to true.</t>
  </si>
  <si>
    <t>This rule verifies that for all VMs isolation.tools.getCreds.disable property is set to TRUE.</t>
  </si>
  <si>
    <t>2.2.4 Configure system security parameters - Disable certain unexposed features - launchmenu</t>
  </si>
  <si>
    <t>This rule verifies that for all VMs isolation.tools.ghi.launchmenu.change property is set to true.</t>
  </si>
  <si>
    <t>This rule verifies that for all VMs isolation.tools.ghi.launchmenu.change property is set to TRUE.</t>
  </si>
  <si>
    <t>2.2.4 Configure system security parameters - Disable certain unexposed features - memsfss</t>
  </si>
  <si>
    <t>This rule verifies that for all VMs isolation.tools.memSchedFakeSampleStats.disable property is set to true.</t>
  </si>
  <si>
    <t>This rule verifies that for all VMs isolation.tools.memSchedFakeSampleStats.disable property is set to TRUE.</t>
  </si>
  <si>
    <t>2.2.4 Configure system security parameters - Disable certain unexposed features - protocolhandler</t>
  </si>
  <si>
    <t>This rule verifies that for all VMs isolation.tools.ghi.protocolhandler.info.disable property is set to true.</t>
  </si>
  <si>
    <t>This rule verifies that for all VMs isolation.tools.ghi.protocolhandler.info.disable property is set to TRUE.</t>
  </si>
  <si>
    <t>2.2.4 Configure system security parameters - Disable certain unexposed features - shellaction</t>
  </si>
  <si>
    <t>This rule verifies that for all VMs isolation.ghi.host.shellAction.disable property is set to true.</t>
  </si>
  <si>
    <t>This rule verifies that for all VMs isolation.ghi.host.shellAction.disable property is set to TRUE.</t>
  </si>
  <si>
    <t>2.2.4 Configure system security parameters - Disable certain unexposed features - taskbar</t>
  </si>
  <si>
    <t>This rule verifies that for all VMs isolation.tools.unity.taskbar.disable property is set to true.</t>
  </si>
  <si>
    <t>This rule verifies that for all VMs isolation.tools.unity.taskbar.disable property is set to TRUE.</t>
  </si>
  <si>
    <t>2.2.4 Configure system security parameters - Disable certain unexposed features - toporequest</t>
  </si>
  <si>
    <t>This rule verifies that for all VMs isolation.tools.dispTopoRequest.disable property is set to true.</t>
  </si>
  <si>
    <t>This rule verifies that for all VMs isolation.tools.dispTopoRequest.disable property is set to TRUE.</t>
  </si>
  <si>
    <t>2.2.4 Configure system security parameters - Disable certain unexposed features - trashfolderstate</t>
  </si>
  <si>
    <t>This rule verifies that for all VMs isolation.tools.trashFolderState.disable property is set to true.</t>
  </si>
  <si>
    <t>This rule verifies that for all VMs isolation.tools.trashFolderState.disable property is set to TRUE.</t>
  </si>
  <si>
    <t>2.2.4 Configure system security parameters - Disable certain unexposed features - trayicon</t>
  </si>
  <si>
    <t>This rule verifies that for all VMs isolation.tools.ghi.trayicon.disable property is set to true.</t>
  </si>
  <si>
    <t>This rule verifies that for all VMs isolation.tools.ghi.trayicon.disable property is set to TRUE.</t>
  </si>
  <si>
    <t>2.2.4 Configure system security parameters - Disable certain unexposed features - unity</t>
  </si>
  <si>
    <t>This rule verifies that for all VMs isolation.tools.unity.disable property is set to true.</t>
  </si>
  <si>
    <t>This rule verifies that for all VMs isolation.tools.unity.disable property is set to TRUE.</t>
  </si>
  <si>
    <t>2.2.4 Configure system security parameters - Disable certain unexposed features - unity-interlock</t>
  </si>
  <si>
    <t>This rule verifies that for all VMs isolation.tools.unityInterlockOperation.disable property is set to true.</t>
  </si>
  <si>
    <t>This rule verifies that for all VMs isolation.tools.unityInterlockOperation.disable property is set to TRUE.</t>
  </si>
  <si>
    <t>2.2.4 Configure system security parameters - Disable certain unexposed features - unityactive</t>
  </si>
  <si>
    <t>This rule verifies that for all VMs isolation.tools.unityActive.disable property is set to true.</t>
  </si>
  <si>
    <t>This rule verifies that for all VMs isolation.tools.unityActive.disable property is set to TRUE.</t>
  </si>
  <si>
    <t>2.2.4 Configure system security parameters - Disable certain unexposed features - unitypush</t>
  </si>
  <si>
    <t>This rule verifies that for all VMs isolation.tools.unity.push.update.disable property is set to true.</t>
  </si>
  <si>
    <t>This rule verifies that for all VMs isolation.tools.unity.push.update.disable property is set to TRUE.</t>
  </si>
  <si>
    <t>2.2.4 Configure system security parameters - Disable certain unexposed features - versionget</t>
  </si>
  <si>
    <t>This rule verifies that for all VMs isolation.tools.vmxDnDVersionGet.disable property is set to true.</t>
  </si>
  <si>
    <t>This rule verifies that for all VMs isolation.tools.vmxDnDVersionGet.disable property is set to TRUE.</t>
  </si>
  <si>
    <t>2.2.4 Configure system security parameters - Disable certain unexposed features - versionset</t>
  </si>
  <si>
    <t>This rule verifies that for all VMs isolation.tools.guestDnDVersionSet.disable property is set to true.</t>
  </si>
  <si>
    <t>This rule verifies that for all VMs isolation.tools.guestDnDVersionSet.disable property is set to TRUE.</t>
  </si>
  <si>
    <t>2.2.4 Configure system security parameters - Disable certain unexposed features - windowcontents</t>
  </si>
  <si>
    <t>This rule verifies that for all VMs isolation.tools.unity.windowContents.disable property is set to true.</t>
  </si>
  <si>
    <t>This rule verifies that for all VMs isolation.tools.unity.windowContents.disable property is set to TRUE.</t>
  </si>
  <si>
    <t>2.2.4 Configure system security parameters - Disable HGFS file transfers</t>
  </si>
  <si>
    <t>This rule verifies that for all VMs isolation.tools.hgfsServerSet.disable property is set to true.</t>
  </si>
  <si>
    <t>This rule verifies that for all VMs isolation.tools.hgfsServerSet.disable property is set to TRUE.</t>
  </si>
  <si>
    <t>2.2.4 Configure system security parameters - Disable tools auto install</t>
  </si>
  <si>
    <t>This rule verifies that for all VMs isolation.tools.autoInstall.disable property is set to true.</t>
  </si>
  <si>
    <t>This rule verifies that for all VMs isolation.tools.autoInstall.disable property is set to TRUE.</t>
  </si>
  <si>
    <t>2.2.4 Configure system security parameters - Disable virtual disk shrinking - shrink</t>
  </si>
  <si>
    <t>This rule verifies that for all VMs isolation.tools.diskShrink.disable property is set to true.</t>
  </si>
  <si>
    <t>This rule verifies that for all VMs isolation.tools.diskShrink.disable property is set to TRUE.</t>
  </si>
  <si>
    <t>2.2.4 Configure system security parameters - Disable virtual disk shrinking - wiper</t>
  </si>
  <si>
    <t>This rule verifies that for all VMs isolation.tools.diskWiper.disable property is set to true.</t>
  </si>
  <si>
    <t>This rule verifies that for all VMs isolation.tools.diskWiper.disable property is set to TRUE.</t>
  </si>
  <si>
    <t>2.2.4 Configure system security parameters - Disable VIX messages from the VM</t>
  </si>
  <si>
    <t>This rule verifies that for all VMs isolation.tools.vixMessage.disable property is set to true.</t>
  </si>
  <si>
    <t>This rule verifies that for all VMs isolation.tools.vixMessage.disable property is set to TRUE.</t>
  </si>
  <si>
    <t>2.2.4 Configure system security parameters - Disable VM logging</t>
  </si>
  <si>
    <t>This rule verifies that for all VMs logging property is set to false.</t>
  </si>
  <si>
    <t>This rule verifies that for all VMs logging property is set to FALSE.</t>
  </si>
  <si>
    <t>2.2.4 Configure system security parameters - Disable VM Monitor Control</t>
  </si>
  <si>
    <t>This rule verifies that for all VMs isolation.monitor.control.disable property is set to true.</t>
  </si>
  <si>
    <t>2.2.4 Configure system security parameters - Disable VM-to-VM communication through VMCI</t>
  </si>
  <si>
    <t>This rule verifies that for all VMs vmci0.unrestricted property is set to false.</t>
  </si>
  <si>
    <t>2.2.4 Configure system security parameters - Do not send host information to guests</t>
  </si>
  <si>
    <t>This rule verifies that for all VMs tools.guestlib.enableHostInfo property is set to false.</t>
  </si>
  <si>
    <t>This rule verifies that for all VMs tools.guestlib.enableHostInfo property is set to FALSE.</t>
  </si>
  <si>
    <t>2.2.4 Configure system security parameters - dvfilter network APIs - If Not Required</t>
  </si>
  <si>
    <t>This rule verifies that for all VMs ethernet0.filter1.name property is not set.</t>
  </si>
  <si>
    <t>2.2.4 Configure system security parameters - Dvfilter network APIs - If Not Required</t>
  </si>
  <si>
    <t>This rule verifies that for all VMs ethernet*.filter*.name property is not set.</t>
  </si>
  <si>
    <t>2.2.4 Configure system security parameters - Enable bidirectional CHAP authentication</t>
  </si>
  <si>
    <t>vCenter Host Data Stores</t>
  </si>
  <si>
    <t>This rule verifies that bidirectional CHAP authentication is enabled for iSCSI traffic.</t>
  </si>
  <si>
    <t>2.2.4 Configure system security parameters - Enable bidirectional CHAP authentication for iSCSI</t>
  </si>
  <si>
    <t>2.2.4 Configure system security parameters - Enable BPDU filter on the ESXi host</t>
  </si>
  <si>
    <t>This rule verifies that Net.BlockGuestBPDU parameter is set to 1.</t>
  </si>
  <si>
    <t>2.2.4 Configure system security parameters - Enable SSL for NFC</t>
  </si>
  <si>
    <t>This rule verifies that SSL is used for Network File Copy (NFC).</t>
  </si>
  <si>
    <t>2.2.4 Configure system security parameters - Enable VDS network healthcheck only if you need it</t>
  </si>
  <si>
    <t>This rule verifies that "VLAN and MTU" and "Teaming and Failover" health checks are "Disabled".</t>
  </si>
  <si>
    <t>2.2.4 Configure system security parameters - Ensure default setting for intra-VM TPS is correct</t>
  </si>
  <si>
    <t>This rule verifies that 'Mem.ShareForceSalting' configuration parameter is set to 2.</t>
  </si>
  <si>
    <t>2.2.4 Configure system security parameters - Ensure that port groups are not configured to VLAN 4095</t>
  </si>
  <si>
    <t>This rule verifies that VLAN ID 4095 is not configured.</t>
  </si>
  <si>
    <t>2.2.4 Configure system security parameters - Explicitly disable copy/paste operations - copy</t>
  </si>
  <si>
    <t>This rule verifies that for all VMs isolation.tools.copy.disable property is set to true.</t>
  </si>
  <si>
    <t>This rule verifies that for all VMs isolation.tools.copy.disable property is set to TRUE.</t>
  </si>
  <si>
    <t>2.2.4 Configure system security parameters - Explicitly disable copy/paste operations - dnd</t>
  </si>
  <si>
    <t>This rule verifies that for all VMs isolation.tools.dnd.disable property is set to true.</t>
  </si>
  <si>
    <t>This rule verifies that for all VMs isolation.tools.dnd.disable property is set to TRUE.</t>
  </si>
  <si>
    <t>2.2.4 Configure system security parameters - Explicitly disable copy/paste operations - gui</t>
  </si>
  <si>
    <t>This rule verifies that for all VMs isolation.tools.setGUIOptions.enable property is set to FALSE.</t>
  </si>
  <si>
    <t>2.2.4 Configure system security parameters - Explicitly disable copy/paste operations - gui-options</t>
  </si>
  <si>
    <t>This rule verifies that for all VMs isolation.tools.setGUIOptions.enable property is set to false.</t>
  </si>
  <si>
    <t>2.2.4 Configure system security parameters - Explicitly disable copy/paste operations - paste</t>
  </si>
  <si>
    <t>This rule verifies that for all VMs isolation.tools.paste.disable property is set to true.</t>
  </si>
  <si>
    <t>This rule verifies that for all VMs isolation.tools.paste.disable property is set to TRUE.</t>
  </si>
  <si>
    <t>2.2.4 Configure system security parameters - Limit informational messages</t>
  </si>
  <si>
    <t>This rule verifies that for all VMs tools.setInfo.sizeLimit property is set to 1048576.</t>
  </si>
  <si>
    <t>2.2.4 Configure system security parameters - Limit informational messages from VM to the VMX file</t>
  </si>
  <si>
    <t>2.2.4 Configure system security parameters - Limit sharing of console connections</t>
  </si>
  <si>
    <t>This rule verifies that for all VMs RemoteDisplay.maxConnections property is set to 1.</t>
  </si>
  <si>
    <t>2.2.4 Configure system security parameters - Limit VM logging - number</t>
  </si>
  <si>
    <t>This rule verifies that for all VMs log.keepOld property is set to 10.</t>
  </si>
  <si>
    <t>2.2.4 Configure system security parameters - Limit VM logging - size</t>
  </si>
  <si>
    <t>This rule verifies that for all VMs log.rotateSize property is set to 100000.</t>
  </si>
  <si>
    <t>2.2.4 Configure system security parameters - Maintain Disk Space</t>
  </si>
  <si>
    <t>Disk Space</t>
  </si>
  <si>
    <t>This rule verifies that the system on which vCenter server is installed meets below minimum hardware requirements:    Free Disk Space = 4 GB</t>
  </si>
  <si>
    <t>2.2.4 Configure system security parameters - Maintain supported CPU</t>
  </si>
  <si>
    <t>Machines</t>
  </si>
  <si>
    <t>This rule verifies that the system on which vCenter server is installed meets below minimum hardware requirements:    CPU Count = 2 or Dual Core</t>
  </si>
  <si>
    <t>2.2.4 Configure system security parameters - Maintain supported hardware</t>
  </si>
  <si>
    <t>This rule verifies that the system on which vCenter server is installed meets below minimum hardware requirements:    Processor = 2 GHz  Memory = 4 GB</t>
  </si>
  <si>
    <t>2.2.4 Configure system security parameters - Maintain supported operating system</t>
  </si>
  <si>
    <t>This rule verifies that vCenter server is installed on a supported MS-Windows Operating System.    Currently, below OSs (64-bit) are supported for vCenter Server:  Windows Server 2003 R2  Windows Server 2003 Service Pack 2  Windows Server 2008 R2  Windows Server 2008 R2 Service Pack 1  Windows Server 2008 Service Pack 1  Windows Server 2008 Service Pack 2    Note: This rule does not check for Windows 2003 Service Pack Level.</t>
  </si>
  <si>
    <t>This rule verifies that vCenter server is installed on a supported MS-Windows Operating System.    Currently, below OSs (64-bit) are supported for vCenter Server:    Windows Server 2003 Service Pack 2  Windows Server 2003 R2   Windows Server 2003 R2 Service Pack 2  Windows Server 2008 Service Pack 2  Windows Server 2008 Service Pack 1  Windows Server 2008 R2  Windows Server 2008 R2 Service Pack 1    Note: This rule does not check for Windows 2003 Service Pack Level.</t>
  </si>
  <si>
    <t>This rule verifies that vCenter server is installed on a supported MS-Windows Operating System.    Currently, below OSs (64-bit) are supported for vCenter Server:    Microsoft Windows Server 2008 Service Pack 2  Microsoft Windows Server 2008 R2  Microsoft Windows Server 2008 R2 SP1  Microsoft Windows Server 2012</t>
  </si>
  <si>
    <t>2.2.4 Configure system security parameters - Prevent from taking over resources - CPU</t>
  </si>
  <si>
    <t>This rule verifies that VMs cannot use unlimited CPU resources.</t>
  </si>
  <si>
    <t>2.2.4 Configure system security parameters - Prevent from taking over resources - Memory</t>
  </si>
  <si>
    <t>This rule verifies that VMs cannot use unlimited Memory resources.</t>
  </si>
  <si>
    <t>2.2.4 Configure system security parameters - Prevent unauthorized modification of devices - connect</t>
  </si>
  <si>
    <t>This rule verifies that for all VMs isolation.device.connectable.disable property is set to true.</t>
  </si>
  <si>
    <t>This rule verifies that for all VMs isolation.device.connectable.disable property is set to TRUE.</t>
  </si>
  <si>
    <t>2.2.4 Configure system security parameters - Prevent unauthorized modification of devices - edit</t>
  </si>
  <si>
    <t>This rule verifies that for all VMs isolation.device.edit.disable property is set to true.</t>
  </si>
  <si>
    <t>This rule verifies that for all VMs isolation.device.edit.disable property is set to TRUE.</t>
  </si>
  <si>
    <t>2.2.4 Configure system security parameters - Prevent unintended use of dvfilter network APIs</t>
  </si>
  <si>
    <t>This rule verifies that the Net.DVFilterBindIpAddress configuration parameter is set to empty.</t>
  </si>
  <si>
    <t>2.2.4 Configure system security parameters - Restrict port-level configuration overrides on VDS</t>
  </si>
  <si>
    <t>This rule verifies that all port-level override policies are disabled.</t>
  </si>
  <si>
    <t>2.2.4 Configure system security parameters - Use Active Directory for local user authentication</t>
  </si>
  <si>
    <t>This rule verifies that active directory is used for authentication.</t>
  </si>
  <si>
    <t>2.2.4 Configure system security parameters - VMsafe APIs - agentaddress - If Not Required</t>
  </si>
  <si>
    <t>This rule verifies that for all VMs vmsafe.agentAddress property is not set.</t>
  </si>
  <si>
    <t>2.2.4 Configure system security parameters - VMsafe APIs - agentport - If Not Required</t>
  </si>
  <si>
    <t>This rule verifies that for all VMs vmsafe.agentPort property is not set.</t>
  </si>
  <si>
    <t>2.2.4 Configure system security parameters - VMsafe APIs - If Not Required</t>
  </si>
  <si>
    <t>This rule verifies that for all VMs vmsafe.enable property is not set.</t>
  </si>
  <si>
    <t>2.2.5.a Verify installed system components - The openldap-servers package must not be installed</t>
  </si>
  <si>
    <t>This rule verifies that openldap-servers package does not exist.</t>
  </si>
  <si>
    <t>2.2.5.a Verify installed system components - The sendmail package must be removed</t>
  </si>
  <si>
    <t>This rule verifies that sendmail package does not exist.</t>
  </si>
  <si>
    <t>2.2.5.a Verify installed system components - X Windows package must not be installed</t>
  </si>
  <si>
    <t>2.2.a Verify system configuration - (AFD EnableDynamicBacklog) Enable dynamic backlog</t>
  </si>
  <si>
    <t>This setting is the overall control for AFD dynamic backlog. When this is set to disable, dynamic backlogging is turned off.  The default setting for this rule is Enabled.</t>
  </si>
  <si>
    <t>2.2.a Verify system configuration - (AutoAdminLogon) Enable Automatic Logon</t>
  </si>
  <si>
    <t>This entry appears as MSS: (AutoAdminLogon) Enable Automatic Logon (not recommended) in the SCE. By default, this entry is not enabled and should never be used on a server in practically any conceivable circumstance.  The default setting is Disabled.</t>
  </si>
  <si>
    <t>This entry appears as MSS: (AutoAdminLogon) Enable Automatic Logon (not recommended) in the SCE. By default, this entry is not enabled and should never be used on a workstation in practically any conceivable circumstance.  The default setting is Disabled.</t>
  </si>
  <si>
    <t>This rule verifies that Enable Automatic Logon is disabled.</t>
  </si>
  <si>
    <t>2.2.a Verify system configuration - (DisableIPSourceRouting IPv6) IP source routing protection level</t>
  </si>
  <si>
    <t>This rule verifies that (DisableIPSourceRouting) IPv6 source routing protection level (protects against packet spoofing) in the SCE. IP source routing is a mechanism that allows the sender to determine the IP route that a datagram should follow through the network.  0 =  No additional protection, source routed packets are allowed   1 =   Medium, source routed packets ignored when IP forwarding is enabled.   2 =  Highest protection, source routing is completely disabled  The default setting for this rule is 2.</t>
  </si>
  <si>
    <t>This rule verifies that routing mechanism that allows the sender to determine the IP route that a datagram should take through the network.    Recommendation : 'Highest protection, source routing is completely disabled'</t>
  </si>
  <si>
    <t>2.2.a Verify system configuration - (DisableIPSourceRouting) IP source routing protection level</t>
  </si>
  <si>
    <t>If a Windows computer has two valid networking devices installed, it can be configured to act as a router or a firewall, and pass network traffic from one interface to another. Whether this is the intended purpose or not, it can be done on any Windows computer. Source Routing traffic that passes through such a router can bypass certain routing rules by spoofing the device to think malicious network activity came from the protected side. Set this value to 2 in order to drop all source routed packets.  The default setting for this rule is "Highest Protection, source routing is automatically disabled".</t>
  </si>
  <si>
    <t>IP source routing is a mechanism allowing the sender to determine the IP route that a datagram should take through the network.   0 =  No additional protection, source routed packets are allowed   1 =   Medium, source routed packets ignored when IP forwarding is enabled.   2 =  Highest protection, source routing is completely disabled  The default setting for this rule is 2.</t>
  </si>
  <si>
    <t>2.2.a Verify system configuration - (EnableDeadGWDetect) Automatic detection of dead network gateway</t>
  </si>
  <si>
    <t>When one TCP/IP Default Gateway fails, it is possible to force one computer to use a second default gateway to complete the route path. In most cases, computers are not set up with multiple default gateways, relying on redundant routers instead. If an attacker can manipulate your default gateway, and this setting is not set to zero, he could route your network traffic to an alternate address. Set this value to zero to protect against this kind of attack.  The default setting for this rule is Disabled.</t>
  </si>
  <si>
    <t>2.2.a Verify system configuration - (EnableICMPRedirect) Allow ICMP redirects</t>
  </si>
  <si>
    <t>In order to prevent network ICMP traffic from being redirected from one computer to another, set the EnableICMPRedirect value to zero. There is some confusion as to whether or not the value name is pluralized.  The default setting for this rule is Disabled.</t>
  </si>
  <si>
    <t>Internet Control Message Protocol (ICMP) redirects causes the stack to plumb host routes. These routes override the Open Shortest Path First (OSPF) generated routes. This behavior is expected; the problem is that the 10 minute time- out period for the ICMP redirect plumbed routes temporarily creates a black hole for the network where traffic will no longer be routed properly for the affected host.  The default setting for this rule is disabled.</t>
  </si>
  <si>
    <t>2.2.a Verify system configuration - (KeepAliveTime) How often keep-alive packets are sent</t>
  </si>
  <si>
    <t>This value controls how often TCP attempts to verify that an idle connection is still intact by sending a keep-alive packet. If the remote computer is still reachable, it acknowledges the keep-alive packet.  The default setting for this rule is 300000 or 5 minutes.</t>
  </si>
  <si>
    <t>2.2.a Verify system configuration - (NoDefaultExempt) Configure IPSec exemptions</t>
  </si>
  <si>
    <t>The rule defines whether IPsec exemptions could be configured for various type of network traffic such as Internet Key Exchange (IKE) and Kerberos authentication protocol.  The default setting is Multicast, broadcast, and ISAKMP are exempt.</t>
  </si>
  <si>
    <t>2.2.a Verify system configuration - (NoDefaultExempt) Enable NoDefaultExempt for IPSec Filtering</t>
  </si>
  <si>
    <t>This rule verifies whether IPsec exemptions could be configured for various type of network traffic such as Internet Key Exchange (IKE) and Kerberos authentication protocol.  The default setting is Only ISAKMP is exempt.</t>
  </si>
  <si>
    <t>2.2.a Verify system configuration - (SafeDllSearchMode) Enable Safe DLL search mode (recommended)</t>
  </si>
  <si>
    <t>The DLL search order can be configured to search for DLLs that are requested by running processes in one of two ways: (1) Search folders specified in the system path first, and then search the current working folder.  (2) Search current working folder first, and then search the folders specified in the system path.  When enabled, the registry value is set to 1. With a rule setting of 1, the system first searches the folders that are specified in the system path and then searches the current working folder. When disabled the registry value is set to 0 and the system first searches the current working folder and then searches the folders that are specified in the system path.  The default setting is Enabled.</t>
  </si>
  <si>
    <t>This rule verifies that the registry value entry SafeDllSearchMode was added to the template file in the HKEY_LOCAL_MACHINE\ SYSTEM\CurrentControlSet\Control\Session Manager\ registry key.</t>
  </si>
  <si>
    <t>2.2.a Verify system configuration - (ScreenSaverGracePeriod) The time in seconds</t>
  </si>
  <si>
    <t>By default, Windows has a brief period between when the screen saver takes control of the screen until the time the system actually locks. The default timeout period is five seconds.  The default setting for this rule is 0.</t>
  </si>
  <si>
    <t>Windows includes a grace period between when the screen saver is launched and when the console is actually locked automatically when screen saver locking is enabled.  The default setting is 0.</t>
  </si>
  <si>
    <t>This rule verifies that Windows includes a grace period between when the screen saver is launched and when the console is actually locked automatically when screen saver locking is enabled.</t>
  </si>
  <si>
    <t>2.2.a Verify system configuration - (SynAttackProtect) Syn attack protection level</t>
  </si>
  <si>
    <t>One of the first methods of launching Denial of Service attacks was to send a flood of incomplete 3-way handshake requests. Each time the incomplete request was received by the target, a small portion of the target’s resources were set aside, waiting for the request to finish. When all of the resources were set aside, the target machine was no longer able to serve any more requests, and further service was denied. In order to prevent the success of this attack, set the SynAttackProtect value to 2, which allows the operating system to limit the amount of resources that are set aside until the 3-way handshake is completed. Setting SynAttackProtect to 1 provides minimal security, but for maximum protection, set it to 2. The next few settings also provide a measure of protection against Denial of Service or Distributed Denial of Service attacks.  The default setting for this rule is "Connections time out sooner if a SYN attack is detected".</t>
  </si>
  <si>
    <t>2.2.a Verify system configuration - (TCPMaxDataRetransmissions) IPv6 Unacknowledged retransmitted</t>
  </si>
  <si>
    <t>This rule defines the number of times that TCP retransmits an individual data segment before the connection is aborted. For all profiles, the recommended state for this setting is 3.</t>
  </si>
  <si>
    <t>2.2.a Verify system configuration - (TCPMaxDataRetransmissions) Unacknowledged retransmitted</t>
  </si>
  <si>
    <t>This setting works similar to 3.2.1.783.2.1.78; however, this refers to retransmission of individual data packets within an existing TCP stream. The default setting for this rule is 3</t>
  </si>
  <si>
    <t>2.2.a Verify system configuration - (WarningLevel) Percentage threshold for the security event log</t>
  </si>
  <si>
    <t>This rule verifies that a security audit in the Security event log when the log reaches a user-defined threshold. The recommended state for this setting is: 0.9 or less.</t>
  </si>
  <si>
    <t>2.2.a Verify system configuration - /etc/mail/sendmail.cf - permissions and ownership</t>
  </si>
  <si>
    <t>This rule verifies below permissions and ownership for /etc/mail/sendmail.cf file:    Mode = 640  Ownership = root:system</t>
  </si>
  <si>
    <t>2.2.a Verify system configuration - /etc/mail/sendmail.cf - SmtpGreetingMessage</t>
  </si>
  <si>
    <t>This rule verifies that SmtpGreetingMessage is not set to '$j Sendmail $b'.</t>
  </si>
  <si>
    <t>2.2.a Verify system configuration - /etc/security/login.cfg - logindelay</t>
  </si>
  <si>
    <t>This rule verifies that logindelay is set to 10.</t>
  </si>
  <si>
    <t>2.2.a Verify system configuration - /etc/security/login.cfg - logininterval</t>
  </si>
  <si>
    <t>This rule verifies that logininterval is set to 300.</t>
  </si>
  <si>
    <t>2.2.a Verify system configuration - /etc/security/user - rlogin</t>
  </si>
  <si>
    <t>This rule verifies that rlogin is set to false for root.</t>
  </si>
  <si>
    <t>2.2.a Verify system configuration - /etc/security/user - sugroups</t>
  </si>
  <si>
    <t>This rule verifies that for user root sugroups is set to system.</t>
  </si>
  <si>
    <t>2.2.a Verify system configuration - /var/spool/mqueue - permissions and ownership</t>
  </si>
  <si>
    <t>This rule verifies below permissions and ownership for /var/spool/mqueue directory:    Mode = 700  Ownership = root:system</t>
  </si>
  <si>
    <t>2.2.a Verify system configuration - %SystemRoot%\System32 Executable Permissions</t>
  </si>
  <si>
    <t>This rule verifies that only System, Administrators and Creator Owner have Full Control allow access to the directory \%SystemRoot%\System32.</t>
  </si>
  <si>
    <t>2.2.a Verify system configuration - A file integrity tool must be installed</t>
  </si>
  <si>
    <t>2.2.a Verify system configuration - A file integrity tool must be used at least weekly</t>
  </si>
  <si>
    <t>This rule verifies that a cron job to check file integrity through aide exists.</t>
  </si>
  <si>
    <t>2.2.a Verify system configuration - A login banner must be displayed for GDE</t>
  </si>
  <si>
    <t>This rule verifies that 'banner_message_enable' parameter is set to true.</t>
  </si>
  <si>
    <t>2.2.a Verify system configuration - Access Credential Manager as a trusted caller</t>
  </si>
  <si>
    <t>User Rights</t>
  </si>
  <si>
    <t>This rule verifies that 'Access Credential Manager as a trusted caller' user right is not assigned to any user.</t>
  </si>
  <si>
    <t>2.2.a Verify system configuration - Access this computer from the network</t>
  </si>
  <si>
    <t>This rule verifies that 'Access this computer from the network' user right is assigned only to administrators and users.</t>
  </si>
  <si>
    <t>2.2.a Verify system configuration - Act as part of the operating system</t>
  </si>
  <si>
    <t>This rule verifies that 'Act as part of the operating system' user right is not assigned to any user.</t>
  </si>
  <si>
    <t>2.2.a Verify system configuration - Activate AppArmor - apparmor module loaded</t>
  </si>
  <si>
    <t>This rule verifies that apparmor module is loaded.</t>
  </si>
  <si>
    <t>2.2.a Verify system configuration - Activate AppArmor - no processes are unconfined</t>
  </si>
  <si>
    <t>This rule verifies that no processes are unconfined.</t>
  </si>
  <si>
    <t>2.2.a Verify system configuration - Activate AppArmor - no profiles are in complain mode</t>
  </si>
  <si>
    <t>This rule verifies that no profiles are in complain mode.</t>
  </si>
  <si>
    <t>2.2.a Verify system configuration - Add nodev Option to /dev/shm Partition</t>
  </si>
  <si>
    <t>This rule verifies that for /dev/shm partition, 'nodev' option is set.</t>
  </si>
  <si>
    <t>2.2.a Verify system configuration - Add nodev Option to /home</t>
  </si>
  <si>
    <t>This rule verifies that for /home partition, 'nodev' option is set.</t>
  </si>
  <si>
    <t>2.2.a Verify system configuration - Add noexec Option to /dev/shm Partition</t>
  </si>
  <si>
    <t>This rule verifies that for /dev/shm partition, 'noexec' option is set.</t>
  </si>
  <si>
    <t>2.2.a Verify system configuration - Add nosuid Option to /dev/shm Partition</t>
  </si>
  <si>
    <t>This rule verifies that for /dev/shm partition, 'nosuid' option is set.</t>
  </si>
  <si>
    <t>2.2.a Verify system configuration - Add workstations to domain</t>
  </si>
  <si>
    <t>This rule verifies that 'Add workstations to domain' user right is assigned only to administrators.</t>
  </si>
  <si>
    <t>2.2.a Verify system configuration - Adjust memory quotas for a process</t>
  </si>
  <si>
    <t>This rule verifies that 'Adjust memory quotas for a process' user right is assigned only to administrators, NT AUTHORITY\LOCAL SERVICE and NT AUTHORITY\NETWORK SERVICE.</t>
  </si>
  <si>
    <t>2.2.a Verify system configuration - Admin Approval Mode for the Built-in Administrator account</t>
  </si>
  <si>
    <t>This verifies whether the built-in Administrator account runs in Admin Approval Mode. For all profiles, the recommended state for this setting is Enabled.</t>
  </si>
  <si>
    <t>This rule setting configures whether the built-in Administrator account runs in Admin Approval Mode. The default behavior for this setting varies because Windows 7 configures the built-in Administrator account dependent on specific installation criteria.  The default setting is Enabled.</t>
  </si>
  <si>
    <t>This rule verifies the behavior of Admin Approval Mode for the built-in Administrator account.</t>
  </si>
  <si>
    <t>2.2.a Verify system configuration - All GIDs referenced in /etc/passwd must be defined in /etc/group</t>
  </si>
  <si>
    <t>This rule verifies that groups referenced in /etc/passwd file are present in /etc/group file.</t>
  </si>
  <si>
    <t>2.2.a Verify system configuration - All unlocked accounts must have a password</t>
  </si>
  <si>
    <t>This rule verifies that all unlocked accounts have a password set.</t>
  </si>
  <si>
    <t>2.2.a Verify system configuration - Allow access to BitLocker-protected - Fixed Drives</t>
  </si>
  <si>
    <t>This rule verifies whether or not fixed data drives formatted with the FAT file system can be unlocked and viewed on computers running Windows Server 2008, Windows Vista, Windows XP with Service Pack 3 (SP3), or Windows XP with Service Pack 2 (SP2) operating systems.</t>
  </si>
  <si>
    <t>2.2.a Verify system configuration - Allow access to BitLocker-protected removable data drives</t>
  </si>
  <si>
    <t>This rule verifies whether or not removable data drives formatted with the FAT file system can be unlocked and viewed on computers running Windows Server 2008, Windows Vista, Windows XP with Service Pack 3 (SP3), or Windows XP with Service Pack 2 (SP2) operating systems.</t>
  </si>
  <si>
    <t>2.2.a Verify system configuration - Allow anonymous SID/Name translation</t>
  </si>
  <si>
    <t>WMI</t>
  </si>
  <si>
    <t>This rule setting determines whether an anonymous user can request security identifier (SID) attributes for another user, or use a SID to obtain its corresponding user name. Disable this policy setting to prevent unauthenticated users from obtaining user names that are associated with their respective SIDs.  The default setting is disabled.</t>
  </si>
  <si>
    <t>This rule verifies whether an anonymous user can request security identifier (SID) attributes for another user, or use a SID to obtain its corresponding user name. Disable this policy setting to prevent unauthenticated users from obtaining user names that are associated with their respective SIDs.</t>
  </si>
  <si>
    <t>2.2.a Verify system configuration - Allow automatic administrative logon</t>
  </si>
  <si>
    <t>The Recovery Console, new to Windows 2000, XP and 2003, provides a limited command-line access to an otherwise unbootable operating system. The console allows access to the NTFS file system, which does not natively allow access when the operating system becomes unbootable. Other third-party applications have been developed to perform this action as well, but the Recovery Console is part of the operating system. It can be installed from the Windows 2000 CD with the ?d:\i386\winnt32.exe /cmdcons? command. It can also be run directly from the Windows 2000 installation CD. By default, the recovery console will allow full access to the system after the user logs in with the password of the Administrator account. The Recovery Console does not grant full and unrestricted access to the operating system by default. It does require that you log on using the password of the default Administrator account. Keep in mind that this must be the local administrator account, not just a member of the local administrators group. Also, the policy for renaming the administrator account does not apply to the recovery console, and that password must be used.  If configured, booting to the recovery console could result in automatic logon, and bypass the need for the password of the administrator account. Since this gives administrator access to anyone who can reboot the computer, the setting is generally disabled.  The default setting for this rule is Disabled.</t>
  </si>
  <si>
    <t>This rule verifies whether the password for the Administrator account must be entered before computer access is granted. If you enable this policy setting, the Recovery Console does not require you to provide a password, and it automatically logs on to the computer.  The default setting for this rule is Disabled.</t>
  </si>
  <si>
    <t>The recovery console is a command-line environment that is used to recover from system problems. If you enable this policy setting, the administrator account is automatically logged on to the recovery console when it is invoked during startup.</t>
  </si>
  <si>
    <t>2.2.a Verify system configuration - Allow Basic authentication - WinRM Client</t>
  </si>
  <si>
    <t>This rule verifies that setting allows you to manage whether the Windows Remote Management (WinRM) client uses Basic authentication.</t>
  </si>
  <si>
    <t>2.2.a Verify system configuration - Allow Basic authentication - WinRM Service</t>
  </si>
  <si>
    <t>This rule verifies that setting allows you to manage whether the Windows Remote Management (WinRM) service accepts Basic authentication from a remote client.</t>
  </si>
  <si>
    <t>2.2.a Verify system configuration - Allow BitLocker without a compatible TPM</t>
  </si>
  <si>
    <t>This rule verifies that setting allows you to configure whether BitLocker requires additional authentication each time the computer starts and whether you are using BitLocker with or without a Trusted Platform Module (TPM). This policy setting is applied when you turn on BitLocker.</t>
  </si>
  <si>
    <t>2.2.a Verify system configuration - Allow data recovery agent - Fixed Drives</t>
  </si>
  <si>
    <t>This rule verifies that setting allows you to control how BitLocker-protected fixed data drives are recovered in the absence of the required credentials. This policy setting is applied when you turn on BitLocker.</t>
  </si>
  <si>
    <t>2.2.a Verify system configuration - Allow data recovery agent - OS Drives</t>
  </si>
  <si>
    <t>This rule verifies that setting allows you to control how BitLocker-protected operating system drives are recovered in the absence of the required startup key information. This policy setting is applied when you turn on BitLocker.</t>
  </si>
  <si>
    <t>2.2.a Verify system configuration - Allow data recovery agent - Removable Drives</t>
  </si>
  <si>
    <t>This rule verifies that setting allows you to control how BitLocker-protected removable data drives are recovered in the absence of the required credentials. This policy setting is applied when you turn on BitLocker.</t>
  </si>
  <si>
    <t>2.2.a Verify system configuration - Allow enhanced PINs for startup</t>
  </si>
  <si>
    <t>This rule verifies that setting allows you to configure whether or not enhanced startup PINs are used with BitLocker.    Enhanced startup PINs permit the use of characters including uppercase and lowercase letters, symbols, numbers, and spaces. This policy setting is applied when you turn on BitLocker.</t>
  </si>
  <si>
    <t>2.2.a Verify system configuration - Allow floppy copy and access to all drives and all folders</t>
  </si>
  <si>
    <t>This rule makes the Recovery Console SET command available, which allows you to set the following recovery console environment variables: - AllowWildCards. Enables wildcard support for some commands (such as the DEL command). - AllowAllPaths. Allows access to all files and folders on the computer. - AllowRemovableMedia. Allows files to be copied to removable media, such as a floppy disk. - NoCopyPrompt. Does not prompt when overwriting an existing file.  The default setting for this rule is Disabled.</t>
  </si>
  <si>
    <t>This rule verifies whether to makes the Recovery Console SET command available, which allows you to set the following recovery console environment variables:  1. AllowWildCards. Enables wildcard support for some commands (such as the DEL command).  2. AllowAllPaths. Allows access to all files and folders on the computer.  3. AllowRemovableMedia. Allows files to be copied to removable media, such as a floppy disk.  4. NoCopyPrompt. Does not prompt when overwriting an existing file.</t>
  </si>
  <si>
    <t>2.2.a Verify system configuration - Allow IRDP to detect and configure DefaultGateway addresses</t>
  </si>
  <si>
    <t>This setting prohibits the workstation from caching router advertisements. Since router advertisements propagate through UDP, they can easily be spoofed.  The default setting for this rule is Disabled.</t>
  </si>
  <si>
    <t>This setting is used to enable or disable the Internet Router Discovery Protocol (IRDP). IRDP allows the system to detect and configure Default Gateway addresses automatically.  The default setting for this rule is Disabled.</t>
  </si>
  <si>
    <t>2.2.a Verify system configuration - Allow Local System to use computer identity for NTLM</t>
  </si>
  <si>
    <t>This setting causes Local System services that use Negotiate to use the computer identity when NTLM authentication is selected by the negotiation.  The default setting for this rule is Enabled.</t>
  </si>
  <si>
    <t>When enabled, this policy setting causes Local System services that use Negotiate to use the computer identity when NTLM authentication is selected by the negotiation.</t>
  </si>
  <si>
    <t>2.2.a Verify system configuration - Allow LocalSystem NULL session fallback</t>
  </si>
  <si>
    <t>This setting allows NTLM to fall back to NULL session when used with LocalSystem.  The default setting for this rule is disabled.</t>
  </si>
  <si>
    <t>Allow NTLM to fall back to NULL session when used with LocalSystem.</t>
  </si>
  <si>
    <t>2.2.a Verify system configuration - Allow log on locally</t>
  </si>
  <si>
    <t>This rule verifies that 'Allow log on locally' user right is assigned only to administrators and users.</t>
  </si>
  <si>
    <t>2.2.a Verify system configuration - Allow log on through Remote Desktop Services</t>
  </si>
  <si>
    <t>This rule verifies that 'Allow log on through Terminal Services' user right is assigned only to administrators.</t>
  </si>
  <si>
    <t>2.2.a Verify system configuration - Allow PKU2U authentication requests to this computer</t>
  </si>
  <si>
    <t>This rule verifies if PKU2U authentication requests leveraging online (Windows Live) identities will be successfully authenticated against this computer. This capability is disabled by default for domain joined systems. This default setting for this rule is Disabled.</t>
  </si>
  <si>
    <t>This policy will be turned off by default on domain joined machines. This would disallow the online identities to be able to authenticate to the domain joined machine in Windows 7.</t>
  </si>
  <si>
    <t>2.2.a Verify system configuration - Allow Remote Shell Access</t>
  </si>
  <si>
    <t>This rule verifies that setting allows you to manage configuration of remote access to all supported shells to execute scripts and commands.</t>
  </si>
  <si>
    <t>2.2.a Verify system configuration - Allow Secure Boot for integrity validation</t>
  </si>
  <si>
    <t>This rule verifies that setting allows you to configure whether Secure Boot will be allowed as the platform integrity provider for BitLocker operating system drives.</t>
  </si>
  <si>
    <t>2.2.a Verify system configuration - Allow Standby States (S1-S3) When Sleeping (On Battery)</t>
  </si>
  <si>
    <t>This rule verifies whether or not Windows is allowed to use standby states when sleeping the computer.</t>
  </si>
  <si>
    <t>2.2.a Verify system configuration - Allow Standby States (S1-S3) When Sleeping (Plugged In)</t>
  </si>
  <si>
    <t>2.2.a Verify system configuration - Allow the computer to ignore NetBIOS name release requests</t>
  </si>
  <si>
    <t>By default, a computer running NetBIOS will release its name upon request. In order to protect against malicious name-release attacks, set this value to 1. Microsoft also references in at least one place that this is for Windows 2000 Service Pack 2 or greater.  The default setting for this rule is Enabled.</t>
  </si>
  <si>
    <t>This entry appears as MSS: (NoNameReleaseOnDemand) Allow the computer to ignore NetBIOS name release requests except from WINS servers in the SCE.  NetBIOS over TCP/IP is a network protocol that (among other things) provides a way to easily resolve NetBIOS names that are registered on Windows-based computers to the IP addresses that are configured on those computers. This value determines whether the computer releases its NetBIOS name when it receives a name-release request.  The default setting is Enabled.</t>
  </si>
  <si>
    <t>This rule determines whether a computer disregards NetBIOS name release requests except those from WINS server in the SCE. For all profiles, the recommended state for this setting is Enabled.  NetBT is an unauthenticated protocol that operates over the connectionless protocol UDP. Given these characteristics, a malicious user could send a name conflict request to a target computer, which would cause the target computer to relinquish its name. This would result in the target computer being unable to participate with peers over NetBT.  The default setting is None. The default setting for this rule is Enabled.</t>
  </si>
  <si>
    <t>2.2.a Verify system configuration - Allow UIAccess applications to prompt for elevation</t>
  </si>
  <si>
    <t>This verifies whether an application is allowed to prompt for elevation without using the secure desktop. For all profiles, the recommended state for this setting is Disabled.</t>
  </si>
  <si>
    <t>This rule setting for Windows 7 includes a new Security Policy (UAC: Allow UAccess), which allows applications to prompt for elevation without using the secure desktop. This allows a remote helper to enter administrative credentials during a Remote Assistance session.  The default setting is Disabled.</t>
  </si>
  <si>
    <t>This rule verifies whether User Interface Accessibility (UIAccess or UIA) programs can automatically disable the secure desktop for elevation prompts used by a standard user.</t>
  </si>
  <si>
    <t>2.2.a Verify system configuration - Allow unencrypted traffic - WinRM Client</t>
  </si>
  <si>
    <t>This rule verifies that setting allows you to manage whether the Windows Remote Management (WinRM) client sends and receives unencrypted messages over the network.</t>
  </si>
  <si>
    <t>2.2.a Verify system configuration - Allow unencrypted traffic - WinRM Service</t>
  </si>
  <si>
    <t>This rule verifies that setting allows you to manage whether the Windows Remote Management (WinRM) service sends and receives unencrypted messages over the network.</t>
  </si>
  <si>
    <t>2.2.a Verify system configuration - Also apply to matching devices that are already installed</t>
  </si>
  <si>
    <t>This rule verifies that setting allows you to specify a list of device setup class globally unique identifiers (GUIDs) for device drivers that Windows is prevented from installing.</t>
  </si>
  <si>
    <t>2.2.a Verify system configuration - Always install with elevated privileges</t>
  </si>
  <si>
    <t>This rule settingextends elevated privileges to all programs. These privileges are usually reserved for programs that have been assigned to the user (offered on the desktop), assigned to the computer (installed automatically), or made available in Add or Remove Programs in Control Panel.  The default setting for this rule is Disabled.</t>
  </si>
  <si>
    <t>This policy directs Windows Installer to use system permissions when it installs any program on the system. This setting extends elevated privileges to all programs. This setting lets users install programs that require access to directories that the user might not have permission to view or change, including directories on highly restricted computers.</t>
  </si>
  <si>
    <t>2.2.a Verify system configuration - Always prompt client for password upon connection</t>
  </si>
  <si>
    <t>This rule defines whether Terminal Services or Remote Desktop will prompt for a password even if it was already provided in the Remote Desktop Connection client For all profiles, the recommended state for this setting is Enabled.</t>
  </si>
  <si>
    <t>This rule setting specifies whether the Remote Desktop Service always prompts the client computer for a password upon connection. You can use this rule setting to enforce a password prompt for users who log on to Terminal Services, even if they already provided the password in the Remote Desktop Connection client.  The default setting is Enabled.</t>
  </si>
  <si>
    <t>2.2.a Verify system configuration - Always prompt for password upon connection</t>
  </si>
  <si>
    <t>This rule verifies whether Terminal Services always prompts the client computer for a password upon connection. You can use this policy setting to enforce a password prompt for users who log on to Terminal Services, even if they already provided the password in the Remote Desktop Connection client.</t>
  </si>
  <si>
    <t>2.2.a Verify system configuration - Application: Control Event Log behavior</t>
  </si>
  <si>
    <t>This rule setting controls Event Log behavior when the log file reaches its maximum size. Old events may or may not be retained according to the “Backup log automatically when full” policy setting.  The default setting for this rule is Disabled.</t>
  </si>
  <si>
    <t>This rule verifies Event Log behavior when the log file reaches its maximum size.</t>
  </si>
  <si>
    <t>2.2.a Verify system configuration - Application: Maximum Log Size (KB)</t>
  </si>
  <si>
    <t>This rule verifies that the maximum size of the log file in kilobytes is 32768 KB or greater.</t>
  </si>
  <si>
    <t>This rule verifies the maximum size of the Application log file in kilobytes.</t>
  </si>
  <si>
    <t>2.2.a Verify system configuration - Application: Retain old events</t>
  </si>
  <si>
    <t>This rule verifies the "wrapping" method for the Application. It is imperative that the logs be archived regularly if historical events are needed for either forensics or troubleshooting purposes. If events are overwritten as needed, the log will always store the most recent events—although this configuration could result in a loss of historical data.  The default setting for this rule is 0.</t>
  </si>
  <si>
    <t>2.2.a Verify system configuration - Audit log directories must have mode 0755 or less permissive</t>
  </si>
  <si>
    <t>This rule verifies that /var/log/audit directory has permissions of 755 or more restrictive.</t>
  </si>
  <si>
    <t>2.2.a Verify system configuration - Audit log files must be group-owned by root</t>
  </si>
  <si>
    <t>This rule verifies that audit log files under /var/log/audit directory are group-owned by root.</t>
  </si>
  <si>
    <t>2.2.a Verify system configuration - Audit log files must be owned by root</t>
  </si>
  <si>
    <t>This rule verifies that audit log files under /var/log/audit directory are owned by root.</t>
  </si>
  <si>
    <t>2.2.a Verify system configuration - Audit log files must have mode 0640 or less permissive</t>
  </si>
  <si>
    <t>This rule verifies that audit log files under /var/log/audit directory have permissions of 640 or more restrictive.</t>
  </si>
  <si>
    <t>2.2.a Verify system configuration - Audit the access of global system objects</t>
  </si>
  <si>
    <t>This rule verifies whether the policy setting creates a default system access control list (SACL) for system objects such as mutexes (mutual exclusive), events, semaphores, and MS-DOS devices, and causes access to these system objects to be audited  The default setting for this rule is disabled.</t>
  </si>
  <si>
    <t>2.2.a Verify system configuration - Audit the use of Backup and Restore privilege</t>
  </si>
  <si>
    <t>This rule verifies whether the policy setting determines whether to audit the use of all user privileges, including Backup and Restore, when the Audit privilege use setting is in effect.  The default setting for this rule is disabled.</t>
  </si>
  <si>
    <t>2.2.a Verify system configuration - Automated file system mounting tools must not be enabled</t>
  </si>
  <si>
    <t>This rule verifies that automount service is not running.</t>
  </si>
  <si>
    <t>2.2.a Verify system configuration - Automatic Update : startup (minutes)</t>
  </si>
  <si>
    <t>This rule verifies the amount of time before previously scheduled Automatic Update installations will proceed after system startup.</t>
  </si>
  <si>
    <t>2.2.a Verify system configuration - Back up files and directories</t>
  </si>
  <si>
    <t>This rule verifies that 'Back up files and directories' user right is assigned only to administrators.</t>
  </si>
  <si>
    <t>2.2.a Verify system configuration - Behavior of the elevation prompt for administrators</t>
  </si>
  <si>
    <t>This verifies the behavior of Windows when a logged on administrator attempts to complete a task requiring raised privileges. For all profiles, the recommended state for this setting is Prompt for credentials</t>
  </si>
  <si>
    <t>This rule setting determines the behavior of Windows 7 when a logged on administrator attempts to complete a task that requires raised privileges. There are three values for this rule setting:  1. No prompt. Using this value elevates the privileges automatically and silently.  2. Prompt for consent. Using this value causes UAC to ask for consent before elevating the privileges but does not require credentials.  3. Prompt for credentials. Using this value causes UAC to require an administrator to type valid administrator credentials when prompted before elevating the privileges.  The default setting is Prompt for credentials.</t>
  </si>
  <si>
    <t>This rule verifies the behavior of the elevation prompt for administrators. The recommended state for this setting is: Prompt for consent on the secure desktop.</t>
  </si>
  <si>
    <t>2.2.a Verify system configuration - Behavior of the elevation prompt for standard users</t>
  </si>
  <si>
    <t>This verifies the behavior of Windows when a standard user attempts to complete a task requiring raised privileges. For all profiles, the recommended state for this setting is Automatically deny elevation requests.</t>
  </si>
  <si>
    <t>This rule setting determines the behavior of Windows 7 when a standard user attempts to complete a task that requires raised privileges. There are two values for this rule setting:  1. Automatically deny elevation requests. Using this value prevents an elevation prompt from being presented and the user cannot perform administrative tasks without using the Run command as an administrator or by logging on with an administrator account.  2. Prompt for credentials. Using this value causes UAC to require an administrator to type valid administrator credentials when prompted before the setting can elevate.  The default setting is Automatically deny elevation requests.</t>
  </si>
  <si>
    <t>This rule verifies the behavior of the elevation prompt for standard users.</t>
  </si>
  <si>
    <t>2.2.a Verify system configuration - Bind Mount the /var/tmp directory to /tmp</t>
  </si>
  <si>
    <t>This rule verifies that /var/tmp directory is bound to /tmp.</t>
  </si>
  <si>
    <t>2.2.a Verify system configuration - Boot loader configuration file(s) must be group-owned by root</t>
  </si>
  <si>
    <t>This rule verifies that /boot/grub/grub.conf file is group-owned by root.</t>
  </si>
  <si>
    <t>2.2.a Verify system configuration - Boot loader configuration file(s) must be owned by root</t>
  </si>
  <si>
    <t>This rule verifies that /boot/grub/grub.conf file is owned by root.</t>
  </si>
  <si>
    <t>2.2.a Verify system configuration - Boot loader configuration file(s) must have mode 0600 or less</t>
  </si>
  <si>
    <t>This rule verifies that /boot/grub/grub.conf file has permissions of 600.</t>
  </si>
  <si>
    <t>2.2.a Verify system configuration - Bypass traverse checking</t>
  </si>
  <si>
    <t>This rule verifies that 'Bypass traverse checking' user right is assigned only to administrators, users, NT AUTHORITY\LOCAL SERVICE, and NT AUTHORITY\NETWORK SERVICE.</t>
  </si>
  <si>
    <t>2.2.a Verify system configuration - CDE - /etc/dt/config/*/Xresources permissions and ownership</t>
  </si>
  <si>
    <t>2.2.a Verify system configuration - CDE - /etc/dt/config/Xconfig permissions and ownership</t>
  </si>
  <si>
    <t>2.2.a Verify system configuration - CDE - /etc/dt/config/Xservers permissions and ownership</t>
  </si>
  <si>
    <t>2.2.a Verify system configuration - CDE - de-installing CDE</t>
  </si>
  <si>
    <t>2.2.a Verify system configuration - CDE - sgid/suid binary lockdown</t>
  </si>
  <si>
    <t>2.2.a Verify system configuration - Certificate - ProtectedRoots (1)</t>
  </si>
  <si>
    <t>Registry Key Permissions</t>
  </si>
  <si>
    <t>This rule verifies that Administrators and System have Full control of  'HKEY_USERS\.DEFAULT\Software\Microsoft\SystemCertificates\Root\ProtectedRoots' key.</t>
  </si>
  <si>
    <t>2.2.a Verify system configuration - Certificate - ProtectedRoots (2)</t>
  </si>
  <si>
    <t>This rule verifies that Users have read access of 'HKEY_USERS\.DEFAULT\Software\Microsoft\SystemCertificates\Root\ProtectedRoots' key.</t>
  </si>
  <si>
    <t>2.2.a Verify system configuration - Change Home Directory for root Account</t>
  </si>
  <si>
    <t>This rule verifies that the root user's home directory is set to /root.</t>
  </si>
  <si>
    <t>2.2.a Verify system configuration - Change the system time</t>
  </si>
  <si>
    <t>This rule verifies that 'Change the system time' user right is assigned only to administrators and NT AUTHORITY\LOCAL SERVICE.</t>
  </si>
  <si>
    <t>2.2.a Verify system configuration - Change the time zone</t>
  </si>
  <si>
    <t>This rule verifies that 'Change the time zone' user right is assigned only to administrators, users and NT AUTHORITY\LOCAL SERVICE.</t>
  </si>
  <si>
    <t>2.2.a Verify system configuration - Check Banner Setting for telnet is Null</t>
  </si>
  <si>
    <t>This rule verifies that BANNER parameter is set to blank.</t>
  </si>
  <si>
    <t>2.2.a Verify system configuration - Check for Remote Consoles</t>
  </si>
  <si>
    <t>This rule verifies that there no remote consoles.</t>
  </si>
  <si>
    <t>2.2.a Verify system configuration - Check Groups in /etc/passwd</t>
  </si>
  <si>
    <t>2.2.a Verify system configuration - Check Groups in passwd</t>
  </si>
  <si>
    <t>2.2.a Verify system configuration - Check that the Banner Setting for telnet is Null</t>
  </si>
  <si>
    <t>2.2.a Verify system configuration - Check That Users Are Assigned Home Directories</t>
  </si>
  <si>
    <t>This rule verifies that users are assigned home directories.</t>
  </si>
  <si>
    <t>This rule verifies that a home directory is assigned for all users.</t>
  </si>
  <si>
    <t>2.2.a Verify system configuration - Check That Users Are Assigned Valid Home Directories</t>
  </si>
  <si>
    <t>This rule verifies that users are assigned home directories.    Note: This rule does not check for home directory existence.</t>
  </si>
  <si>
    <t>2.2.a Verify system configuration - Choose how BitLocker-protected fixed drives can be recovered</t>
  </si>
  <si>
    <t>2.2.a Verify system configuration - Choose how BitLocker-protected OS drives can be recovered</t>
  </si>
  <si>
    <t>2.2.a Verify system configuration - Choose how BitLocker-protected removable drives can be recovered</t>
  </si>
  <si>
    <t>2.2.a Verify system configuration - Choose the boot-start drivers that can be initialized</t>
  </si>
  <si>
    <t>This rule verifies that setting allows you to specify which boot-start drivers are initialized based on a classification determined by an Early Launch Antimalware boot-start driver.</t>
  </si>
  <si>
    <t>2.2.a Verify system configuration - Configure Automatic Updates</t>
  </si>
  <si>
    <t>This defines whether Windows will receive security updates from Windows Update or WSUS. For all profiles, the recommended state for this setting is Enabled: 3 - Auto download and notify for install.</t>
  </si>
  <si>
    <t>This rule setting specifies whether computers in your environment will receive security updates from Windows Update or WSUS. If you configure this rule setting to Enabled, the operating system will recognize when a network connection is available and then use the network connection to search Windows Update or your designated intranet site for updates that apply to them.  The default setting is Enabled 3 - Auto download and notify for install..</t>
  </si>
  <si>
    <t>2.2.a Verify system configuration - Configure Automatic Updates - Enabled</t>
  </si>
  <si>
    <t>This rule verifies whether computers in your environment will receive security updates from Windows Update or WSUS.</t>
  </si>
  <si>
    <t>2.2.a Verify system configuration - Configure Automatic Updates - Notification</t>
  </si>
  <si>
    <t>2.2.a Verify system configuration - Configure encryption types allowed for Kerberos</t>
  </si>
  <si>
    <t>This rule verifies that setting allows you to set the encryption types that Kerberos is allowed to use. This policy is supported on at least Windows 7 or Windows Server 2008 R2.</t>
  </si>
  <si>
    <t>2.2.a Verify system configuration - Configure ExecShield</t>
  </si>
  <si>
    <t>System Init - Kernel Parameters</t>
  </si>
  <si>
    <t>This rule verifies that the kernel parameter kernel.exec-shield is set to 1.</t>
  </si>
  <si>
    <t>2.2.a Verify system configuration - Configure Offer Remote Assistance</t>
  </si>
  <si>
    <t>This rule verifies that setting allows you to turn on or turn off Offer (Unsolicited) Remote Assistance on this computer.</t>
  </si>
  <si>
    <t>2.2.a Verify system configuration - Configure Solicited Remote Assistance</t>
  </si>
  <si>
    <t>This rule verifies that setting allows you to turn on or turn off Solicited (Ask for) Remote Assistance on this computer.</t>
  </si>
  <si>
    <t>2.2.a Verify system configuration - Configure TPM startup</t>
  </si>
  <si>
    <t>2.2.a Verify system configuration - Configure TPM startup key</t>
  </si>
  <si>
    <t>2.2.a Verify system configuration - Configure TPM startup key and PIN</t>
  </si>
  <si>
    <t>2.2.a Verify system configuration - Configure TPM startup PIN</t>
  </si>
  <si>
    <t>2.2.a Verify system configuration - Configure use of hardware-based encryption - Fixed Drives</t>
  </si>
  <si>
    <t>This rule verifies that setting allows you to manage BitLocker’s use of hardware-based encryption on fixed data drives and specify which encryption algorithms it can use with hardware-based encryption. Using hardware-based encryption can improve performance of drive operations that involve frequent reading or writing of data to the drive.</t>
  </si>
  <si>
    <t>2.2.a Verify system configuration - Configure use of hardware-based encryption - OS drives</t>
  </si>
  <si>
    <t>This rule verifies that setting allows you to manage BitLocker’s use of hardware-based encryption on operating system drives and specify which encryption algorithms it can use with hardware-based encryption. Using hardware-based encryption can improve performance of drive operations that involve frequent reading or writing of data to the drive.</t>
  </si>
  <si>
    <t>2.2.a Verify system configuration - Configure use of hardware-based encryption - Removable drives</t>
  </si>
  <si>
    <t>This rule verifies that setting allows you to manage BitLocker’s use of hardware-based encryption on removable data drives and specify which encryption algorithms it can use with hardware-based encryption. Using hardware-based encryption can improve performance of drive operations that involve frequent reading or writing of data to the drive.</t>
  </si>
  <si>
    <t>2.2.a Verify system configuration - Configure use of passwords - Fixed Drives</t>
  </si>
  <si>
    <t>This rule verifies whether a password is required to unlock BitLocker-protected fixed data drives.</t>
  </si>
  <si>
    <t>2.2.a Verify system configuration - Configure use of passwords - OS drives</t>
  </si>
  <si>
    <t>This rule verifies the constraints for passwords used to unlock BitLocker-protected operating system drives. If non-TPM protectors are allowed on operating system drives, you can provision a password, enforce complexity requirements on the password, and configure a minimum length for the password.</t>
  </si>
  <si>
    <t>2.2.a Verify system configuration - Configure use of passwords - Removable drives</t>
  </si>
  <si>
    <t>This rule verifies that setting allows you to specify whether smart cards can be used to authenticate user access to BitLocker-protected removable data drives on a computer.</t>
  </si>
  <si>
    <t>2.2.a Verify system configuration - Configure use of smart cards - Fixed Drives</t>
  </si>
  <si>
    <t>This rule verifies that setting allows you to specify whether smart cards can be used to authenticate user access to the BitLocker-protected fixed data drives on a computer.</t>
  </si>
  <si>
    <t>2.2.a Verify system configuration - Configure use of smart cards - Removable drives</t>
  </si>
  <si>
    <t>This rule verifies whether a password is required to unlock BitLocker-protected removable data drives. If you choose to allow use of a password, you can require a password to be used, enforce complexity requirements, and configure a minimum length.</t>
  </si>
  <si>
    <t>2.2.a Verify system configuration - Create a pagefile</t>
  </si>
  <si>
    <t>This rule verifies that 'Create a pagefile' user right is assigned only to administrators.</t>
  </si>
  <si>
    <t>2.2.a Verify system configuration - Create a token object</t>
  </si>
  <si>
    <t>This rule verifies that 'Create a token object' user right is not assigned to any user.</t>
  </si>
  <si>
    <t>2.2.a Verify system configuration - Create global objects</t>
  </si>
  <si>
    <t>This rule verifies that 'Create global objects' user right is assigned only to administrators, NT AUTHORITY\LOCAL SERVICE, NT AUTHORITY\NETWORK SERVICE, and NT AUTHORITY\SERVICE.</t>
  </si>
  <si>
    <t>2.2.a Verify system configuration - Create permanent shared objects</t>
  </si>
  <si>
    <t>This rule verifies that 'Create permanent shared objects' user right is not assigned to any user.</t>
  </si>
  <si>
    <t>2.2.a Verify system configuration - Create Separate Partition for /home</t>
  </si>
  <si>
    <t>This rule verifies that /home partition exists.</t>
  </si>
  <si>
    <t>2.2.a Verify system configuration - Create Separate Partition for /tmp</t>
  </si>
  <si>
    <t>This rule verifies that /tmp partition exists.</t>
  </si>
  <si>
    <t>2.2.a Verify system configuration - Create Separate Partition for /var</t>
  </si>
  <si>
    <t>This rule verifies that /var partition exists.</t>
  </si>
  <si>
    <t>2.2.a Verify system configuration - Create Separate Partition for /var/log</t>
  </si>
  <si>
    <t>This rule verifies that /var/log partition exists.</t>
  </si>
  <si>
    <t>2.2.a Verify system configuration - Create Separate Partition for /var/log/audit</t>
  </si>
  <si>
    <t>This rule verifies that /var/log/audit partition exists.</t>
  </si>
  <si>
    <t>2.2.a Verify system configuration - Create symbolic links</t>
  </si>
  <si>
    <t>This rule verifies that 'Create symbolic links' user right is assigned only to administrators.</t>
  </si>
  <si>
    <t>2.2.a Verify system configuration - Create warning banners - issue ownership and permission</t>
  </si>
  <si>
    <t>This rule verifies that the ownership for /etc/issue is root:root and that permissions are 644.</t>
  </si>
  <si>
    <t>2.2.a Verify system configuration - Create warning banners - motd ownership and permission</t>
  </si>
  <si>
    <t>This rule verifies that the ownership for /etc/motd is root:sys and that permissions are 644.</t>
  </si>
  <si>
    <t>2.2.a Verify system configuration - Create warning banners for FTP daemon (1)</t>
  </si>
  <si>
    <t>This rule verifies that the ownership for /etc/ftpd is root:sys.</t>
  </si>
  <si>
    <t>2.2.a Verify system configuration - Create warning banners for FTP daemon (2)</t>
  </si>
  <si>
    <t>This rule verifies that the ownership and permissions for /etc/ftpd/ftpaccess are root:sys and 600.</t>
  </si>
  <si>
    <t>2.2.a Verify system configuration - Create warning banners for GUI logins</t>
  </si>
  <si>
    <t>This rule verifies that the ownership for /etc/dt/config/*/Xresources is root:sys and that the permissions are 644.</t>
  </si>
  <si>
    <t>2.2.a Verify system configuration - Create Warnings for Standard Login Services - issue</t>
  </si>
  <si>
    <t>* User Intervention Required: User should review the banner and ensure that it is legitimate.    This rule produces banner from /etc/issue file for review.</t>
  </si>
  <si>
    <t>2.2.a Verify system configuration - Create Warnings for Standard Login Services - motd</t>
  </si>
  <si>
    <t>* User Intervention Required: User should review the banner and ensure that it is legitimate.    This rule produces banner from /etc/motd file for review.</t>
  </si>
  <si>
    <t>2.2.a Verify system configuration - Create Warnings for Standard Login Services - permissions</t>
  </si>
  <si>
    <t>This rule verifies that below files have permissions of 644 and are owned by root and group-owned by root or sys:    /etc/motd  /etc/issue</t>
  </si>
  <si>
    <t>2.2.a Verify system configuration - Cryptographically verify the authenticity of software packages</t>
  </si>
  <si>
    <t>This rule verifies that 'gpgcheck' parameter is set to 1 in /etc/yum.repos.d/* files.</t>
  </si>
  <si>
    <t>2.2.a Verify system configuration - Cryptographically verify the authenticity of system packages</t>
  </si>
  <si>
    <t>This rule verifies that 'gpgcheck' parameter is set to 1 in /etc/yum.conf file.</t>
  </si>
  <si>
    <t>2.2.a Verify system configuration - Debug programs</t>
  </si>
  <si>
    <t>This rule verifies that 'Debug programs' user right is assigned only to administrators.</t>
  </si>
  <si>
    <t>2.2.a Verify system configuration - Default /etc/environment PATH</t>
  </si>
  <si>
    <t>This rule verifies that there are no '.' or '::' entries in PATH variable.</t>
  </si>
  <si>
    <t>2.2.a Verify system configuration - Default owner for objects created by the Administrators group</t>
  </si>
  <si>
    <t>When a member of the Administrators group creates an object (file, directory, account, or any object which obtains and ACL from the operating system), an owner will be assigned. Normally, the account which created the object is assigned as the owner; however, changing this option allows assignment to the Administrators Group rather than an individual account. The default setting for this rule is Object Creator.</t>
  </si>
  <si>
    <t>2.2.a Verify system configuration - Default Service File Creation Mask</t>
  </si>
  <si>
    <t>This rule verifies that umask is set to 022.</t>
  </si>
  <si>
    <t>2.2.a Verify system configuration - Deny access to this computer from the network</t>
  </si>
  <si>
    <t>This rule verifies that 'Deny access to this computer from the network' user right is assigned only to guests.</t>
  </si>
  <si>
    <t>2.2.a Verify system configuration - Deny log on as a batch job</t>
  </si>
  <si>
    <t>This rule verifies that 'Deny log on as a batch job' user right is assigned only to guests.</t>
  </si>
  <si>
    <t>2.2.a Verify system configuration - Deny log on as a service</t>
  </si>
  <si>
    <t>This rule verifies that 'Deny log on as a service' user right is not assigned to any user.</t>
  </si>
  <si>
    <t>2.2.a Verify system configuration - Deny log on locally</t>
  </si>
  <si>
    <t>This rule verifies that 'Deny log on locally' user right is assigned only to guests.</t>
  </si>
  <si>
    <t>2.2.a Verify system configuration - Deny log on through Remote Desktop Services</t>
  </si>
  <si>
    <t>This rule verifies that 'Deny log on through Terminal Services' user right is assigned only to guests.</t>
  </si>
  <si>
    <t>2.2.a Verify system configuration - Deny write access to removable drives not protected by BitLocker</t>
  </si>
  <si>
    <t>This rule verifies whether BitLocker protection is required for a computer to be able to write data to a removable data drive.</t>
  </si>
  <si>
    <t>2.2.a Verify system configuration - Detect application installations and prompt for elevation</t>
  </si>
  <si>
    <t>This verifies how Windows responds to application installation requests. For all profiles, the recommended state for this setting is Enabled.</t>
  </si>
  <si>
    <t>This rule setting determines how Windows 7 responds to application installation requests. Application installation requires an elevation of privilege. There are two values for this rule setting:  1. Enabled. Using this value causes Windows Vista, on detection of an installer, to prompt the user for consent or credentials, depending on the configuration of the behavior of the elevation prompt settings.  2. Disabled. Using this value causes application installations to fail silently or in a non-deterministic manner.  The default setting is Enabled.</t>
  </si>
  <si>
    <t>This rule verifies the behavior of application installation detection for the computer.</t>
  </si>
  <si>
    <t>2.2.a Verify system configuration - Devices: Allow undock without having to log on</t>
  </si>
  <si>
    <t>This rule verifies whether a portable computer can be undocked if the user does not log on to the system. Enable this policy setting to eliminate a Logon requirement and allow use of an external hardware eject button to undock the computer.  The default setting is Enabled.</t>
  </si>
  <si>
    <t>2.2.a Verify system configuration - Devices: Allowed to format and eject removable media</t>
  </si>
  <si>
    <t>This rule verifies that Windows Server 2003 is configured to only allow Administrators to format and eject removable media.</t>
  </si>
  <si>
    <t>This rule verifies the type of users which have authority to remove NTFS formatted media from the computer.  The default setting for this rule is administrators.</t>
  </si>
  <si>
    <t>This rule verifies the type of users which have authority to remove NTFS formatted media from the computer.  The default setting for this rule is administrators and interactive users.</t>
  </si>
  <si>
    <t>2.2.a Verify system configuration - Devices: Prevent users from installing printer drivers</t>
  </si>
  <si>
    <t>This rule verifies that users are prevented from installing printer drivers.</t>
  </si>
  <si>
    <t>This rule verifies that Windows Server 2008 is configured to allow only members of the “Administrators” and “Power Users” user groups to install printer drivers.</t>
  </si>
  <si>
    <t>This rule verifies that Windows 2008 is configured to not allow users to install print drivers.</t>
  </si>
  <si>
    <t>This rule verifies that Windows Server 2012 is configured to allow only members of the “Administrators” and “Power Users” user groups to install printer drivers.</t>
  </si>
  <si>
    <t>This rule verifies that Windows 7 is configured to not allow anyone to install print drivers.</t>
  </si>
  <si>
    <t>2.2.a Verify system configuration - Devices: Restrict CD-ROM access to locally logged-on user only</t>
  </si>
  <si>
    <t>This rule verifies determines whether a CD-ROM is accessible to both local and remote users simultaneously. If you enable this policy setting, only the interactively logged-on user is allowed to access removable CD-ROM media.  The default setting is Disabled.</t>
  </si>
  <si>
    <t>2.2.a Verify system configuration - Devices: Restrict floppy access to locally logged-on user only</t>
  </si>
  <si>
    <t>This rule verifies whether removable floppy media are accessible to both local and remote users simultaneously. If you enable this policy setting, only the interactively logged-on user is allowed to access removable floppy media.  The default setting is Disabled.</t>
  </si>
  <si>
    <t>2.2.a Verify system configuration - Digitally sign communications - client (always)</t>
  </si>
  <si>
    <t>This rule verifies whether packet signing is required by the SMB client component. If you enable this setting, Microsoft network clients will not be able to communicate with a Microsoft network server unless that server agrees to perform SMB packet signing.  The default setting for this rule is Enabled.</t>
  </si>
  <si>
    <t>This rule setting determines whether packet signing is required by the SMB client component. If you enable this rule setting, the Microsoft network client computer cannot communicate with a Microsoft network server unless that server agrees to sign SMB packets.   The default setting is Enabled.</t>
  </si>
  <si>
    <t>This rule verifies whether packet signing is required by the SMB client component. If you enable this policy setting, the Microsoft network client computer cannot communicate with a Microsoft network server unless that server agrees to sign SMB packets. In mixed environments with legacy client computers, set this option to Disabled because these computers will not be able to authenticate or gain access to domain controllers.</t>
  </si>
  <si>
    <t>2.2.a Verify system configuration - Digitally sign communications - server (always)</t>
  </si>
  <si>
    <t>This rule verifies whether packet signing is required by the SMB server component before further communication with an SMB client is permitted.  The default setting for this rule is Enabled.</t>
  </si>
  <si>
    <t>This rule setting determines if the server side SMB service is required to perform SMB packet signing. Enable this rule setting in a mixed environment to prevent downstream clients from using the workstation as a network server.  The default setting is Enabled.</t>
  </si>
  <si>
    <t>This rule verifies if the server side SMB service is required to perform SMB packet signing. Enable this policy setting in a mixed environment to prevent downstream clients from using the workstation as a network server.</t>
  </si>
  <si>
    <t>2.2.a Verify system configuration - Digitally sign communications (always)</t>
  </si>
  <si>
    <t>This setting applies specifically to communications using the Server Message Block (SMB) protocol. When enabled, the client will negotiate signed communications with any SMB server. If the server can not support SMB signing (typically servers prior to Windows 2000), communications will fail. When possible, digitally sign client communication to protect against man-in-the-middle attacks, as it supports mutual authentication and protection against packet tampering. SMB signing does not impact network bandwidth; however, CPU resources will be used in generating and verifying SMB signatures.  The default setting for this rule is Enabled.</t>
  </si>
  <si>
    <t>2.2.a Verify system configuration - Digitally sign communications (if client agrees)</t>
  </si>
  <si>
    <t>The workstation should request signed communications wherever possible. The default setting for this rule is Enabled.</t>
  </si>
  <si>
    <t>This rule verifies whether the SMB server will negotiate SMB packet signing with clients that request it.  The default setting for this rule is Enabled.</t>
  </si>
  <si>
    <t>This rule setting determines if the server side SMB service is able to sign SMB packets if it is requested to do so by a client that attempts to establish a connection. If no signing request comes from the client, a connection will be allowed without a signature if the Microsoft network server: Digitally sign communications (always) setting is not enabled.  The default setting is Enabled.</t>
  </si>
  <si>
    <t>This rule verifies if the server side SMB service is able to sign SMB packets if it is requested to do so by a client that attempts to establish a connection.</t>
  </si>
  <si>
    <t>2.2.a Verify system configuration - Digitally sign communications (if server agrees)</t>
  </si>
  <si>
    <t>This setting applies specifically to communications using the Server Message Block (SMB) protocol. When enabled, the client will negotiate signed communications with any server supporting SMB signing (typically Windows 2000 and later). Unsigned communications will still succeed with servers that do not support message signing.  The default setting for this rule is Enabled.</t>
  </si>
  <si>
    <t>This rule verifies whether the SMB client will attempt to negotiate SMB packet signatures. The implementation of digital signatures in Windows networks helps to prevent sessions from being hijacked. If you enable this policy setting, the Microsoft network clients on member servers will request signatures only if the servers with which they communicate accept digitally signed communication.  The default setting for this rule is Enabled.</t>
  </si>
  <si>
    <t>This rule setting determines whether the SMB client will attempt to negotiate SMB packet signing. The implementation of digital signing in Windows–based networks helps to prevent sessions from being hijacked. If you enable this rule setting, the Microsoft network client will use signing only if the server with which it communicates accepts digitally signed communication.  The default setting is Enabled.</t>
  </si>
  <si>
    <t>This rule verifies whether the SMB client will attempt to negotiate SMB packet signing. The implementation of digital signing in Windows–based networks helps to prevent sessions from being hijacked. If you enable this policy setting, the Microsoft network client will use signing only if the server with which it communicates accepts digitally signed communication.</t>
  </si>
  <si>
    <t>2.2.a Verify system configuration - Disable "nobody" Access for RPC Encryption Key Storage</t>
  </si>
  <si>
    <t>This rule verifies that ENABLE_NOBODY_KEYS parameter is set to NO.</t>
  </si>
  <si>
    <t>2.2.a Verify system configuration - Disable Automounting</t>
  </si>
  <si>
    <t>2.2.a Verify system configuration - Disable Autorun for all drives</t>
  </si>
  <si>
    <t>Although it is convenient for applications to automatically run when Windows Explorer opens up, it can also cause applications to be executed against the wishes of an administrative user, and exploiting that privilege. Set this value to 255 to prevent any type of drive from automatically launching an application from Windows Explorer. If malicious software is written to a CD, it can be executed by Windows Explorer just by putting the CD in the drive. Set this value to zero to prevent any applications from automatically launching from the CD-ROM drive. The default setting for this rule is 255, disable autorun for all drives.</t>
  </si>
  <si>
    <t>2.2.a Verify system configuration - Disable ICMP Redirect Acceptance</t>
  </si>
  <si>
    <t>This rule verifies that the below kernel parameter are set:    net.ipv4.conf.all.accept_redirects = 0  net.ipv4.conf.default.accept_redirects = 0</t>
  </si>
  <si>
    <t>This rule verifies that below kernel parameters are set to 0:    net.ipv4.conf.all.accept_redirects  net.ipv4.conf.default.accept_redirects</t>
  </si>
  <si>
    <t>2.2.a Verify system configuration - Disable Interactive Boot</t>
  </si>
  <si>
    <t>This rule verifies that the 'PROMPT' configuration parameter is set to no.</t>
  </si>
  <si>
    <t>This rule verifies that 'PROMPT_FOR_CONFIRM' parameter is set to "no".</t>
  </si>
  <si>
    <t>2.2.a Verify system configuration - Disable IP Forwarding</t>
  </si>
  <si>
    <t>This rule verifies that the kernel parameter net.ipv4.ip_forward = 0 is set.</t>
  </si>
  <si>
    <t>This rule verifies that 'net.ipv4.ip_forward' kernel parameter is set to 0.</t>
  </si>
  <si>
    <t>2.2.a Verify system configuration - Disable IPv6</t>
  </si>
  <si>
    <t>This rule verifies that the below configuration parameters are set:    NETWORKING_IPV6=no   IPV6INIT=no</t>
  </si>
  <si>
    <t>2.2.a Verify system configuration - Disable IPv6 Redirect Acceptance</t>
  </si>
  <si>
    <t>This rule verifies that the below kernel parameters are set:    net.ipv6.conf.all.accept_redirects = 0  net.ipv6.conf.default.accept_redirects = 0</t>
  </si>
  <si>
    <t>This rule verifies that below kernel parameters are set to 0:    net.ipv6.conf.all.accept_redirects  net.ipv6.conf.default.accept_redirects</t>
  </si>
  <si>
    <t>2.2.a Verify system configuration - Disable IPv6 Router Advertisements</t>
  </si>
  <si>
    <t>This rule verifies that the below kernel parameters are set:    net.ipv6.conf.all.accept_ra = 0  net.ipv6.conf.default.accept_ra = 0</t>
  </si>
  <si>
    <t>This rule verifies that below kernel parameters are set to 0:    net.ipv6.conf.all.accept_ra  net.ipv6.conf.default.accept_ra</t>
  </si>
  <si>
    <t>2.2.a Verify system configuration - Disable login: Services on Serial Ports</t>
  </si>
  <si>
    <t>This rule verifies that term/a and term/b ttys are disabled.</t>
  </si>
  <si>
    <t>2.2.a Verify system configuration - Disable Mounting of cramfs Filesystems</t>
  </si>
  <si>
    <t>This rule verifies that 'cramfs' module is not loaded.</t>
  </si>
  <si>
    <t>This rule verifies that cramfs module is not loaded.</t>
  </si>
  <si>
    <t>2.2.a Verify system configuration - Disable Mounting of freevxfs Filesystems</t>
  </si>
  <si>
    <t>This rule verifies that 'freevxfs' module is not loaded.</t>
  </si>
  <si>
    <t>This rule verifies that freevxfs module is not loaded.</t>
  </si>
  <si>
    <t>2.2.a Verify system configuration - Disable Mounting of hfs Filesystems</t>
  </si>
  <si>
    <t>This rule verifies that 'hfs' module is not loaded.</t>
  </si>
  <si>
    <t>This rule verifies that hfs module is not loaded.</t>
  </si>
  <si>
    <t>2.2.a Verify system configuration - Disable Mounting of hfsplus Filesystems</t>
  </si>
  <si>
    <t>This rule verifies that 'hfsplus' module is not loaded.</t>
  </si>
  <si>
    <t>This rule verifies that hfsplus module is not loaded.</t>
  </si>
  <si>
    <t>2.2.a Verify system configuration - Disable Mounting of jffs2 Filesystems</t>
  </si>
  <si>
    <t>This rule verifies that 'jffs2' module is not loaded.</t>
  </si>
  <si>
    <t>This rule verifies that jffs2 module is not loaded.</t>
  </si>
  <si>
    <t>2.2.a Verify system configuration - Disable Mounting of squashfs Filesystems</t>
  </si>
  <si>
    <t>This rule verifies that 'squashfs' module is not loaded.</t>
  </si>
  <si>
    <t>This rule verifies that squashfs module is not loaded.</t>
  </si>
  <si>
    <t>2.2.a Verify system configuration - Disable Mounting of udf Filesystems</t>
  </si>
  <si>
    <t>This rule verifies that 'udf' module is not loaded.</t>
  </si>
  <si>
    <t>This rule verifies that udf module is not loaded.</t>
  </si>
  <si>
    <t>2.2.a Verify system configuration - Disable Network Routing</t>
  </si>
  <si>
    <t>This rule verifies that below parameters are set:    ipv4-routing persistent=disabled current=disabled  ipv6-routing persistent=disabled current=disabled  ipv4-forwarding persistent=disabled current=disabled  ipv6-forwarding persistent=disabled current=disabled</t>
  </si>
  <si>
    <t>2.2.a Verify system configuration - Disable Prelink</t>
  </si>
  <si>
    <t>This rule verifies that 'prelink' package does not exist.</t>
  </si>
  <si>
    <t>2.2.a Verify system configuration - Disable remote Desktop Sharing</t>
  </si>
  <si>
    <t>This rule defines whether a user is allowed to share their desktop using NetMeeting. For all profiles, the recommended state for this setting is Enabled.</t>
  </si>
  <si>
    <t>2.2.a Verify system configuration - Disable Secure ICMP Redirect Acceptance</t>
  </si>
  <si>
    <t>This rule verifies that the below kernel parameter are set:    net.ipv4.conf.all.secure_redirects = 0  net.ipv4.conf.default.secure_redirects = 0</t>
  </si>
  <si>
    <t>This rule verifies that below kernel parameters are set to 0:    net.ipv4.conf.all.secure_redirects  net.ipv4.conf.default.secure_redirects</t>
  </si>
  <si>
    <t>2.2.a Verify system configuration - Disable Send Packet Redirects</t>
  </si>
  <si>
    <t>This rule verifies that the below kernel parameter are set:    net.ipv4.conf.all.send_redirects = 0  net.ipv4.conf.default.send_redirects = 0</t>
  </si>
  <si>
    <t>This rule verifies that below kernel parameters are set to 0:    net.ipv4.conf.all.send_redirects  net.ipv4.conf.default.send_redirects</t>
  </si>
  <si>
    <t>2.2.a Verify system configuration - Disable Source Routed Packet Acceptance</t>
  </si>
  <si>
    <t>This rule verifies that the below kernel parameter are set:    net.ipv4.conf.all.accept_source_route = 0  net.ipv4.conf.default.accept_source_route = 0</t>
  </si>
  <si>
    <t>This rule verifies that below kernel parameters are set to 0:    net.ipv4.conf.all.accept_source_route  net.ipv4.conf.default.accept_source_route</t>
  </si>
  <si>
    <t>2.2.a Verify system configuration - Disallow Digest authentication</t>
  </si>
  <si>
    <t>This rule verifies that setting allows you to manage whether the Windows Remote Management (WinRM) client will not use Digest authentication.</t>
  </si>
  <si>
    <t>2.2.a Verify system configuration - Disallow WinRM from storing RunAs credentials</t>
  </si>
  <si>
    <t>This rule verifies that setting allows you to manage whether the Windows Remote Management (WinRM) service will not allow RunAs credentials to be stored for any plug-ins.</t>
  </si>
  <si>
    <t>2.2.a Verify system configuration - Disconnect clients when logon hours expire</t>
  </si>
  <si>
    <t>Domain accounts may be limited to specific hours when they may be used. By default, the domain controller only enforces these settings upon logon, but not after the session is established. With this setting enabled, should a user remotely log in to this workstation (the workstation acts as a server), the user’s network connections will be closed when their allotted time has been reached.  This setting only applies to workstations joined to a domain, as logon hours can not be set for local accounts. Additionally, this applies only to network connections established with the SMB protocol.  The default setting for this rule is Enabled.</t>
  </si>
  <si>
    <t>This rule verifies whether to disconnect users who are connected to the local computer outside their user account's valid logon hours.  The default setting for this rule is Enabled.</t>
  </si>
  <si>
    <t>This rule setting determines whether to disconnect users who are connected to the local computer outside their user account’s valid logon hours. It affects the SMB component. If you enable this rule setting, client sessions with the SMB service will be forcibly disconnected when the client’s logon hours expire. If you disable this rule setting, established client sessions will be maintained after the client’s logon hours expire.  The default setting is Enabled.</t>
  </si>
  <si>
    <t>This rule verifies whether to disconnect users who are connected to the local computer outside their user account's valid logon hours.</t>
  </si>
  <si>
    <t>2.2.a Verify system configuration - Display the date and time of the last logon</t>
  </si>
  <si>
    <t>This rule verifies that PrintLastLog parameter is set to yes.</t>
  </si>
  <si>
    <t>2.2.a Verify system configuration - Do not accept ICMPv4 redirect packets on any interface</t>
  </si>
  <si>
    <t>This rule verifies that net.ipv4.conf.all.accept_redirects kernel parameter is set to 0.</t>
  </si>
  <si>
    <t>2.2.a Verify system configuration - Do not accept ICMPv4 secure redirect packets by default</t>
  </si>
  <si>
    <t>This rule verifies that the net.ipv4.conf.default.secure_redirects kernel parameter is set to 0.</t>
  </si>
  <si>
    <t>2.2.a Verify system configuration - Do not accept ICMPv4 secure redirect packets on any interface</t>
  </si>
  <si>
    <t>This rule verifies that the net.ipv4.conf.all.secure_redirects kernel parameter is set to 0.</t>
  </si>
  <si>
    <t>2.2.a Verify system configuration - Do not accept IPv4 source-routed packets on any interface</t>
  </si>
  <si>
    <t>This rule verifies that the net.ipv4.conf.all.accept_source_route kernel parameter is set to 0.</t>
  </si>
  <si>
    <t>2.2.a Verify system configuration - Do not adjust default option to 'Install Updates and Shut Down'</t>
  </si>
  <si>
    <t>This rule verifies that setting allows you to manage whether the 'Install Updates and Shut Down' option is allowed to be the default choice in the Shut Down Windows dialog.</t>
  </si>
  <si>
    <t>2.2.a Verify system configuration - Do not allow anonymous enumeration of SAM accounts</t>
  </si>
  <si>
    <t>This rule verifies what additional permissions will be granted for anonymous connections to the computer. Windows allows anonymous users to perform certain activities, such as enumerate the names of domain accounts.  The default setting for this rule is Enabled.</t>
  </si>
  <si>
    <t>This rule setting controls the ability of anonymous users to enumerate the accounts in the Security Accounts Manager (SAM). If you enable this rule setting, users with anonymous connections cannot enumerate domain account user names on the workstations in your environment. This rule setting also allows additional restrictions on anonymous connections.  The default setting is Enabled.</t>
  </si>
  <si>
    <t>This rule verifies the ability of anonymous users to enumerate the accounts in the Security Accounts Manager (SAM).</t>
  </si>
  <si>
    <t>2.2.a Verify system configuration - Do not allow anonymous enumeration of SAM accounts and shares</t>
  </si>
  <si>
    <t>This rule verifies whether anonymous enumeration of SAM accounts and shares is allowed.  The default setting for this rule is Enabled.</t>
  </si>
  <si>
    <t>This rule setting controls the ability of anonymous users to enumerate SAM accounts as well as shares. If you enable this rule setting, anonymous users will not be able to enumerate domain account user names and network share names on the workstations in your environment.  The default setting is Enabled.</t>
  </si>
  <si>
    <t>The rule verifies an unauthorized user could anonymously list account names and shared resources and use the information to attempt to guess passwords or perform social engineering attacks.</t>
  </si>
  <si>
    <t>2.2.a Verify system configuration - Do not allow drive redirection</t>
  </si>
  <si>
    <t>This rule verifies whether to prevents users from sharing the local drives on their client computers to Terminal Servers that they access.</t>
  </si>
  <si>
    <t>2.2.a Verify system configuration - Do not allow passwords to be saved</t>
  </si>
  <si>
    <t>This rule defines whether the Terminal Services client will save passwords. For all profiles, the recommended state for this setting is Enabled.</t>
  </si>
  <si>
    <t>This rule verifies whether to helps prevent Terminal Services clients from saving passwords on a computer.</t>
  </si>
  <si>
    <t>2.2.a Verify system configuration - Do not allow storage of credentials for network authentication</t>
  </si>
  <si>
    <t>This setting controls behavior of the Stored User Names and Passwords? feature of Windows. This feature stores NTLM, Kerberos, Passport and SSL authentication; it should not be confused with the Internet Explorer authentication cache, since it is managed separately. Some documents refer to this setting as Network Access: Do not allow Stored User Names and Passwords to safe passwords or credentials for domain authentication.  The default setting for this rule is Enabled.</t>
  </si>
  <si>
    <t>2.2.a Verify system configuration - Do not allow write access to devices</t>
  </si>
  <si>
    <t>2.2.a Verify system configuration - Do not apply during periodic background processing</t>
  </si>
  <si>
    <t>This rule verifies when registry policies are updated. This policy setting affects all policies in the Administrative Templates folder and any other policies that store values in the registry.</t>
  </si>
  <si>
    <t>2.2.a Verify system configuration - Do not display 'Install Updates and Shut Down' option</t>
  </si>
  <si>
    <t>This defines whether the Install Updates and Shut Down option is displayed in the Shut Down Windows dialog box. For all profiles, the recommended state for this setting is Disabled.</t>
  </si>
  <si>
    <t>This rule verifies that setting allows you to manage whether the Install Updates and Shut Down option is displayed in the Shut Down Windows dialog box.</t>
  </si>
  <si>
    <t>2.2.a Verify system configuration - Do not display last user name</t>
  </si>
  <si>
    <t>This rule verifies that anyone attempting to log into a computer may not see/cannot see the name of the last valid user who logged on to that system. This does not prevent displaying the currently logged on user when unlocking a workstation. This information may seem trivial, but it helps an attacker tie a workstation to a particular individual, or may help an attacker gain access to a stolen mobile device. For all profiles, the recommended state for this setting is Enabled.</t>
  </si>
  <si>
    <t>This rule verifies whether the account name of the last user to log on to the client computers in your organization will be displayed in each computer's respective Windows logon screen.</t>
  </si>
  <si>
    <t>2.2.a Verify system configuration - Do not enable BitLocker - Fixed Drives</t>
  </si>
  <si>
    <t>2.2.a Verify system configuration - Do not enable BitLocker - OS Drives</t>
  </si>
  <si>
    <t>2.2.a Verify system configuration - Do not enable BitLocker - Removable Drives</t>
  </si>
  <si>
    <t>2.2.a Verify system configuration - Do not enumerate connected users on domain-joined computers</t>
  </si>
  <si>
    <t>This rule verifies whether to prevents connected users from being enumerated on domain-joined computers.</t>
  </si>
  <si>
    <t>2.2.a Verify system configuration - Do not have accounts configured with blank or null passwords</t>
  </si>
  <si>
    <t>This rule verifies that 'nullok' parameter is not present in /etc/pam.d/system-auth file.</t>
  </si>
  <si>
    <t>2.2.a Verify system configuration - Do not preserve zone information in file attachments</t>
  </si>
  <si>
    <t>This rule verifies whether the zone of origin of the file attachments is preserved.  The default setting for this rule is Disabled.</t>
  </si>
  <si>
    <t>This rule verifies that setting allows you to manage whether Windows marks file attachments from Internet Explorer or Microsoft Outlook' Express with information about their zone of origin (such as restricted, Internet, intranet, or local). This policy setting requires that files be downloaded to NTFS disk partitions to function correctly.</t>
  </si>
  <si>
    <t>2.2.a Verify system configuration - Do not require CTRL+ALT+DEL</t>
  </si>
  <si>
    <t>This rule verifies whether a user must press CTRL+ALT+DEL before they can log on. If you disable this policy setting, all users will be required to press CTRL+ALT+DEL before they log on to Windows (unless they use a smart card for Windows logon).  The default setting for this rule is Disabled.</t>
  </si>
  <si>
    <t>This rule verifies whether users must press CTRL ALT DEL before they log on. If you enable this policy setting, users can log on without this key combination.</t>
  </si>
  <si>
    <t>2.2.a Verify system configuration - Do not respond to ICMPv4 sent to a broadcast address</t>
  </si>
  <si>
    <t>This rule verifies that the kernel parameter net.ipv4.icmp_echo_ignore_broadcasts = 1 is set.</t>
  </si>
  <si>
    <t>2.2.a Verify system configuration - Do not store LAN Manager hash value on next password change</t>
  </si>
  <si>
    <t>The SAM database typically stores a LANManager (LM) hash of account passwords. The SAM database should be secure on the workstation; however, if it is captured, the LM hash can be retrieved. Many vulnerabilities exist with the LM authentication model, and brute force attacks usually succeed with ease. Removing the LM hash from the SAM database helps protect the local account passwords. However, most Windows 9x clients only support LM authentication.  The default setting for this rule is Enabled.</t>
  </si>
  <si>
    <t>This rule verifies whether the LAN Manager (LM) hash value for the new password is stored when the password is changed. The LM hash is relatively weak and prone to attack compared to the cryptographically stronger Windows NT hash.  The default setting for this rule is enabled.</t>
  </si>
  <si>
    <t>This rule setting determines whether the LAN Manager (LM) hash value for the new password is stored when the password is changed. The LM hash is relatively weak and prone to attack compared to the cryptographically stronger Microsoft Windows NT® hash.  The default setting is Enabled.</t>
  </si>
  <si>
    <t>This rule verifies whether the LAN Manager (LM) hash value for the new password is stored when the password is changed. The LM hash is relatively weak and prone to attack compared to the cryptographically stronger Microsoft Windows NT' hash.</t>
  </si>
  <si>
    <t>2.2.a Verify system configuration - Domain controller: Allow server operators to schedule tasks</t>
  </si>
  <si>
    <t>When enabled, server operators can add tasks using the AT command. By default, AT runs under the local system account, which has administrative rights on the machine. When this setting is disabled, server operators can still schedule tasks with the task scheduler; however, these tasks will run under their domain credentials and not under the local system account.  The default setting for this rule is Disabled.</t>
  </si>
  <si>
    <t>This rule verifies whether members of the Server Operators group are allowed to submit jobs by means of the AT schedule facility. The impact of this policy setting configuration should be small for most organizations.  The default setting is Disabled.</t>
  </si>
  <si>
    <t>2.2.a Verify system configuration - Domain controller: LDAP server signing requirements</t>
  </si>
  <si>
    <t>This rule verifies  whether the Lightweight Directory Access Protocol (LDAP) server requires LDAP clients to negotiate data signing.  The default setting is Require Signing.</t>
  </si>
  <si>
    <t>2.2.a Verify system configuration - Domain controller: Refuse machine account password changes</t>
  </si>
  <si>
    <t>This setting will allow the domain to prevent the computer from changing the computer account password.  The default setting for this rule is Disabled.</t>
  </si>
  <si>
    <t>This rule verifies whether domain controllers will refuse requests from member computers to change computer account passwords. By default, member computers change their computer account passwords every 30 days.  The default setting is Disabled.</t>
  </si>
  <si>
    <t>2.2.a Verify system configuration - Domain member: Digitally encrypt or sign secure channel (always)</t>
  </si>
  <si>
    <t>This control defines whether a signature or encryption is required for all secure channel traffic initiated by domain members. For all profiles, the recommended state for this setting is Enabled.</t>
  </si>
  <si>
    <t>This rule verifies whether all secure channel traffic that is initiated by the domain member must be signed or encrypted.</t>
  </si>
  <si>
    <t>2.2.a Verify system configuration - Domain member: Digitally encrypt secure channel (when possible)</t>
  </si>
  <si>
    <t>This rule defines whether a system will try to negotiate encryption for all secure channel traffic initiated by domain members. For all profiles, the recommended state for this setting is Enabled.</t>
  </si>
  <si>
    <t>This rule verifies whether a domain member should attempt to negotiate encryption for all secure channel traffic that it initiates. If you enable this policy setting, the domain member will request encryption of all secure channel traffic.</t>
  </si>
  <si>
    <t>2.2.a Verify system configuration - Domain member: Digitally sign secure channel (when possible)</t>
  </si>
  <si>
    <t>This rule verifies that the computer will always sign secure channel data when possible.</t>
  </si>
  <si>
    <t>This rule defines whether a system will try to negotiate digital signatures for all secure channel traffic initiated by domain members. For all profiles, the recommended state for this setting is Enabled.</t>
  </si>
  <si>
    <t>This rule verifies whether a domain member should attempt to negotiate whether all secure channel traffic that it initiates must be digitally signed.</t>
  </si>
  <si>
    <t>2.2.a Verify system configuration - Domain Member: Disable Machine Account Password Changes</t>
  </si>
  <si>
    <t>This rule defines whether a domain member can periodically change its computer account password. For all profiles, the recommended state for this setting is Disabled.</t>
  </si>
  <si>
    <t>2.2.a Verify system configuration - Domain member: Disable machine account password changes</t>
  </si>
  <si>
    <t>This rule verifies whether a domain member can periodically change its computer account password.</t>
  </si>
  <si>
    <t>2.2.a Verify system configuration - Domain member: Require strong session key</t>
  </si>
  <si>
    <t>This rule verifies that the computer is configured to require a strong session key.  *Setting this value in a domain containing Windows NT or older operating systems will prevent those systems from authenticating.  This setting can also prevent a system from being joined to a domain</t>
  </si>
  <si>
    <t>This rule defines whether secure channel communication requires a strong (128-bit) session key. For all profiles, the recommended state for this setting is Enabled.</t>
  </si>
  <si>
    <t>When this policy setting is enabled, a secure channel can only be established with domain controllers that are capable of encrypting secure channel data with a strong (128-bit) session key.</t>
  </si>
  <si>
    <t>2.2.a Verify system configuration - EFS - implementation</t>
  </si>
  <si>
    <t>This rule verifies that clic package is installed.</t>
  </si>
  <si>
    <t>2.2.a Verify system configuration - Enable a Warning Banner for the FTP service</t>
  </si>
  <si>
    <t>This rule verifies that DisplayConnect is set to /etc/issue.</t>
  </si>
  <si>
    <t>2.2.a Verify system configuration - Enable a Warning Banner for the GNOME Service</t>
  </si>
  <si>
    <t>This rule verifies that "Security Message" entry is present in /etc/gdm/Init/Default file.</t>
  </si>
  <si>
    <t>2.2.a Verify system configuration - Enable a Warning Banner for the SSH Service</t>
  </si>
  <si>
    <t>2.2.a Verify system configuration - Enable Bad Error Message Protection</t>
  </si>
  <si>
    <t>This rule verifies that the kernel parameter net.ipv4.icmp_ignore_bogus_error_responses = 1 is set.</t>
  </si>
  <si>
    <t>This rule verifies that 'net.ipv4.icmp_ignore_bogus_error_responses' kernel parameter is set to 1.</t>
  </si>
  <si>
    <t>2.2.a Verify system configuration - Enable computer and user accounts to be trusted</t>
  </si>
  <si>
    <t>This rule verifies that 'Enable computer and user accounts to be trusted for delegation' user right is not assigned to any user.</t>
  </si>
  <si>
    <t>2.2.a Verify system configuration - Enable Hidden Passwords</t>
  </si>
  <si>
    <t>This rule verifies that password hiding is enabled.</t>
  </si>
  <si>
    <t>2.2.a Verify system configuration - Enable Ignore Broadcast Requests</t>
  </si>
  <si>
    <t>This rule verifies that 'net.ipv4.icmp_echo_ignore_broadcasts' kernel parameter is set to 1.</t>
  </si>
  <si>
    <t>2.2.a Verify system configuration - Enable Randomized Virtual Memory Region Placement</t>
  </si>
  <si>
    <t>This rule verifies that the kernel parameter kernel.randomize_va_space is set to 2.</t>
  </si>
  <si>
    <t>This rule verifies that 'kernel.randomize_va_space' kernel parameter is set to 2.</t>
  </si>
  <si>
    <t>2.2.a Verify system configuration - Enable RFC-recommended Source Route Validation</t>
  </si>
  <si>
    <t>This rule verifies that the below kernel parameter are set:    net.ipv4.conf.all.rp_filter = 1  net.ipv4.conf.default.rp_filter = 1</t>
  </si>
  <si>
    <t>This rule verifies that below kernel parameters are set to 1:    net.ipv4.conf.all.rp_filter  net.ipv4.conf.default.rp_filter</t>
  </si>
  <si>
    <t>2.2.a Verify system configuration - Enable RPC Endpoint Mapper Client Authentication</t>
  </si>
  <si>
    <t>This rule verifies whether RPC clients authenticate with the Endpoint Mapper Service when the call they are making contains authentication information.</t>
  </si>
  <si>
    <t>2.2.a Verify system configuration - Enable Safe DLL search mode (recommended)</t>
  </si>
  <si>
    <t>This setting modifies the way in which Windows locates driver files (.dlls). A value of 0 forces the operating system to search the current directory first; when set to 1, the system searches the windows system directory first.  The default setting for this rule is Enabled.</t>
  </si>
  <si>
    <t>2.2.a Verify system configuration - Enable screen saver</t>
  </si>
  <si>
    <t>This rule verifies defines whether a user is allowed run screen savers or not.  The default setting for this rule is Enabled.</t>
  </si>
  <si>
    <t>This rule verifies that setting allows you to manage whether or not screen savers run.</t>
  </si>
  <si>
    <t>2.2.a Verify system configuration - Enable SELinux in /etc/grub.conf - enforcing=0</t>
  </si>
  <si>
    <t>This rule verifies that enforcing=0 is not set in /boot/grub/grub.conf file.</t>
  </si>
  <si>
    <t>2.2.a Verify system configuration - Enable SELinux in /etc/grub.conf - selinux=0</t>
  </si>
  <si>
    <t>This rule verifies that selinux=0 is not set in /boot/grub/grub.conf file.</t>
  </si>
  <si>
    <t>2.2.a Verify system configuration - Enable stack protection</t>
  </si>
  <si>
    <t>This rule verifies that stack protection is enabled.</t>
  </si>
  <si>
    <t>2.2.a Verify system configuration - Enable Stack Protection - noexec_user_stack</t>
  </si>
  <si>
    <t>This rule verifies that noexec_user_stack kernel parameter is set to 1.</t>
  </si>
  <si>
    <t>2.2.a Verify system configuration - Enable Stack Protection - noexec_user_stack_log</t>
  </si>
  <si>
    <t>This rule verifies that noexec_user_stack_log kernel parameter is set to 1.</t>
  </si>
  <si>
    <t>2.2.a Verify system configuration - Enable Strong TCP Sequence Number Generation</t>
  </si>
  <si>
    <t>This rule verifies that TCP_STRONG_ISS parameter is set to 2.</t>
  </si>
  <si>
    <t>2.2.a Verify system configuration - Enable TCP SYN Cookies</t>
  </si>
  <si>
    <t>This rule verifies that the kernel parameter net.ipv4.tcp_syncookies = 1 is set.</t>
  </si>
  <si>
    <t>This rule verifies that 'net.ipv4.tcp_syncookies' kernel parameter is set to 1.</t>
  </si>
  <si>
    <t>2.2.a Verify system configuration - Enable XD/NX Support on 32-bit x86 Systems</t>
  </si>
  <si>
    <t>This rule verifies that kernel-PAE package is installed.</t>
  </si>
  <si>
    <t>This rule verifies that NX is active.</t>
  </si>
  <si>
    <t>2.2.a Verify system configuration - Encryption Level</t>
  </si>
  <si>
    <t>This rule verifies whether the computer that is about to host the remote connection will enforce an encryption level for all data sent between it and the client computer for the remote session.</t>
  </si>
  <si>
    <t>2.2.a Verify system configuration - Enforce requirements for the connection of mobile devices to OS</t>
  </si>
  <si>
    <t>This rule verifies that the below line exists in /etc/modprobe.conf file:    install usb-storage /bin/false</t>
  </si>
  <si>
    <t>2.2.a Verify system configuration - Ensure all disk volumes are using the NTFS file system</t>
  </si>
  <si>
    <t>This rule verifies that all local drives are configured using the NTFS format, enabling the use of Windows Server 2003’s security and auditing features.</t>
  </si>
  <si>
    <t>2.2.a Verify system configuration - Ensure Password Fields are Not Empty</t>
  </si>
  <si>
    <t>This rule verifies that password field is not empty for any account.</t>
  </si>
  <si>
    <t>This rule verifies that for empty passwords do not exist.</t>
  </si>
  <si>
    <t>2.2.a Verify system configuration - Ensure shadow group is empty - 1</t>
  </si>
  <si>
    <t>This rule verifies that the 'shadow' group does not have any members.</t>
  </si>
  <si>
    <t>2.2.a Verify system configuration - Ensure shadow group is empty - 2</t>
  </si>
  <si>
    <t>This rule verifies that GID of 15 does not exist for any user.</t>
  </si>
  <si>
    <t>2.2.a Verify system configuration - Enum (1)</t>
  </si>
  <si>
    <t>This rule verifies that only Authenticated Users and System have read access to HKLM\System\ CurrentControlSet\Enum key.</t>
  </si>
  <si>
    <t>2.2.a Verify system configuration - Enum (2)</t>
  </si>
  <si>
    <t>This rule verifies that only Administrators and System have Full control of 'HKEY_LOCAL_MACHINE\SYSTEM\CurrentControlSet\Enum' key.</t>
  </si>
  <si>
    <t>2.2.a Verify system configuration - Enumerate administrator accounts on elevation</t>
  </si>
  <si>
    <t>All administrator accounts are displayed when you attempt to elevate a running application.</t>
  </si>
  <si>
    <t>2.2.a Verify system configuration - Enumerate local users on domain-joined computers</t>
  </si>
  <si>
    <t>This rule verifies local users to be enumerated on domain-joined computers.</t>
  </si>
  <si>
    <t>2.2.a Verify system configuration - Force shutdown from a remote system</t>
  </si>
  <si>
    <t>This rule verifies that 'Force shutdown from a remote system' user right is assigned only to administrators.</t>
  </si>
  <si>
    <t>2.2.a Verify system configuration - Force specific screen saver</t>
  </si>
  <si>
    <t>This rule verifies which specific screen saver to run on a computer.  The default setting for this rule is scrnsave.scr.</t>
  </si>
  <si>
    <t>2.2.a Verify system configuration - Force strong key protection for user keys stored on the computer</t>
  </si>
  <si>
    <t>Strong Key protection helps keep private keys safe when they are stored on the local computer by locking the key with a password. This option requires users to enter the password when the key is first used, or every time the key is used. The password is not synchronized with the domain account password. This option applies to user keys which are managed through the data protection Application Programming Interface (API).  Enabling strong key protection helps containerize and protect data to guard against stolen or hijacked computers. If you step away from your machine but leave it unlocked, another person can sit down at the machine and act as you, but they will not be able to read your secure e-mail or access an internet site that uses your client-side certificate.  The default setting for this rule is "User must enter a password each time they use the key".</t>
  </si>
  <si>
    <t>This rule verifies whether users' private keys (such as their S-MIME keys) require a password to be used. If you configure this policy setting so that users must provide a password—distinct from their domain password—every time that they use a key, then it will be more difficult for an attacker to access locally stored keys, even an attacker who discovers logon passwords.  The default setting for this rule is User must enter a password each time they use a key.</t>
  </si>
  <si>
    <t>2.2.a Verify system configuration - Generate security audits</t>
  </si>
  <si>
    <t>This rule verifies that 'Generate security audits' user right is assigned only to NT AUTHORITY\LOCAL SERVICE and NT AUTHORITY\NETWORK SERVICE.</t>
  </si>
  <si>
    <t>2.2.a Verify system configuration - Hide mechanisms to remove zone information</t>
  </si>
  <si>
    <t>This rule verifies whether a user is allowed to remove the zone information from saved file attachments. The default setting for this rule is Enabled.</t>
  </si>
  <si>
    <t>2.2.a Verify system configuration - How many times unacknowledged data is retransmitted</t>
  </si>
  <si>
    <t>This parameter controls the number of times that TCP retransmits an individual data segment (non- connect segment) before aborting the connection. The retransmission time- out is doubled with each successive retransmission on a connection. It is reset when responses resume. The base time- out value is dynamically determined by the measured round- trip time on the connection.  The default setting for this rule is Enabled (3).</t>
  </si>
  <si>
    <t>2.2.a Verify system configuration - How often keep-alive packets are sent in milliseconds</t>
  </si>
  <si>
    <t>The KeepAliveTime determines how often the network subsystem attempts to verify that a TCP session is still active. The setting of 300,000 works out to one request every five minutes.  The default setting for this rule is 300000.</t>
  </si>
  <si>
    <t>2.2.a Verify system configuration - Identify staff members to receive notifications</t>
  </si>
  <si>
    <t>This rule verifies that 'action_mail_acct' parameter is set to root.</t>
  </si>
  <si>
    <t>2.2.a Verify system configuration - Impersonate a client after authentication</t>
  </si>
  <si>
    <t>This rule verifies that 'Impersonate a client after authentication' user right is assigned only to administrators, NT AUTHORITY\LOCAL SERVICE, NT AUTHORITY\NETWORK SERVICE and NT AUTHORITY\SERVICE.</t>
  </si>
  <si>
    <t>2.2.a Verify system configuration - Implement Periodic Execution of File Integrity</t>
  </si>
  <si>
    <t>2.2.a Verify system configuration - Increase a process working set</t>
  </si>
  <si>
    <t>This rule verifies that 'Increase a process working set' user right is assigned only to administrators and NT AUTHORITY\LOCAL SERVICE.</t>
  </si>
  <si>
    <t>2.2.a Verify system configuration - Increase scheduling priority</t>
  </si>
  <si>
    <t>This rule verifies that 'Increase scheduling priority' user right is assigned only to administrators.</t>
  </si>
  <si>
    <t>2.2.a Verify system configuration - Initiate SYN attack protection</t>
  </si>
  <si>
    <t>This setting defines the point at which SYN flood protection begins by measuring the number of connections that were refused because resources were not available to handle the request. The default setting for this rule is 5.</t>
  </si>
  <si>
    <t>2.2.a Verify system configuration - Install AIDE</t>
  </si>
  <si>
    <t>2.2.a Verify system configuration - Install Solaris Encryption Kit</t>
  </si>
  <si>
    <t>This rule verifies that SUNWcry and SUNWcryr packages are installed.</t>
  </si>
  <si>
    <t>2.2.a Verify system configuration - Installer</t>
  </si>
  <si>
    <t>This rule verifies that only Administrators and System have Full control of 'KEY_LOCAL_MACHINE\SOFTWARE\Microsoft\Windows\CurrentVersion\Installer' key.</t>
  </si>
  <si>
    <t>2.2.a Verify system configuration - IP forwarding for IPv4 must not be enabled</t>
  </si>
  <si>
    <t>2.2.a Verify system configuration - IP source routing protection level</t>
  </si>
  <si>
    <t>2.2.a Verify system configuration - LAN Manager authentication level</t>
  </si>
  <si>
    <t>Windows network authentication has changed considerably as various security vulnerabilities have been identified and fixed. The original LAN Manager (or LM) password hash is considered very weak, but is still used by most Windows 9x clients. Using commercially available software, and off-the-shelf computers, most LM password hashes can be used to reveal the actual password in a matter of days, or hours.  With the release of Windows NT 4.0, Microsoft developed NTLM authentication. Serious vulnerabilities made NTLM almost as easy to crack as LM, so NTLM version 2 (NTLMv2) was introduced. NTLMv2 provides significant improvements to security; when combined with strong password policy, accounts are well protected against brute force attacks. All of these authentication methods are incorporated into Windows 2000. All authentication models work with a hash of the password, not the password itself. This presents challenges with down-level compatibility between operating systems. In order to smooth the transition, when one computer attempts to authenticate with another, the default behavior is to send the basic LM hash along with the more secure NTLM hash.  The default setting for this rule is Send NTLMv2 response only\refuse LM.</t>
  </si>
  <si>
    <t>This rule verifies which challenge/response authentication protocol is used for network logons. This choice affects the level of authentication protocol that is used by client computers, the level of security that is negotiated, and the level of authentication that is accepted by servers.  The default setting for this rule is Send NTLMv2 response only. Refuse LM.</t>
  </si>
  <si>
    <t>This rule verifies which challenge/response authentication protocol is used for network logons. This choice affects the level of authentication protocol that is used by client computers, the level of security that is negotiated, and the level of authentication that is accepted by servers.  The default setting for this rule is Send NTLMv2 response only. Refuse LM &amp; NTLM.</t>
  </si>
  <si>
    <t>This rule setting specifies the type of challenge/response authentication for network logons. LAN Manager (LM) authentication is the least secure method; it allows encrypted passwords to be cracked because they can be easily intercepted on the network. NT LAN Manager (NTLM) is somewhat more secure. NTLMv2 is a more robust version of NTLM that is available in Windows 7, Windows Vista, Windows XP Professional, Windows Server 2003, Windows 2000, and Windows NT 4.0 Service Pack 4 (SP4) or later.  The default setting is Send NTLMv2 responses only. Refuse LM.</t>
  </si>
  <si>
    <t>LAN Manager (LM) is a family of early Microsoft client/server software that allows users to link personal computers together on a single network. Network capabilities include transparent file and print sharing, user security features, and network administration tools.</t>
  </si>
  <si>
    <t>2.2.a Verify system configuration - LDAP client signing requirements</t>
  </si>
  <si>
    <t>Similar to the SMB protocol, the LDAP protocol supports signing. LDAP, Lightweight Directory Access Protocol,? provides one means for the client to talk to active directory. LDAP protocol is text-based, but supports authentication to gain access to sensitive sections of the directory. Require signing to provide the assurance of mutual authentication for this communications channel.  The default setting for this rule is Negotiate Signing or Require Signing.</t>
  </si>
  <si>
    <t>This rule verifies the level of data signing that is requested on behalf of clients that issue LDAP BIND requests. Unsigned network traffic is susceptible to man-in-the-middle attacks. For an LDAP server, an attacker could cause a server to make decisions that are based on false queries from the LDAP client.  The default setting for this rule is Negotiate Signing.</t>
  </si>
  <si>
    <t>This rule setting determines the level of data signing that is requested on behalf of clients that issue LDAP BIND requests. Because unsigned network traffic is susceptible to man-in-the-middle attacks, an attacker could cause an LDAP server to make decisions that are based on false queries from the LDAP client.  The default setting is Negotiate signing.</t>
  </si>
  <si>
    <t>This rule verifies the level of data signing that is requested on behalf of clients that issue LDAP BIND requests.</t>
  </si>
  <si>
    <t>2.2.a Verify system configuration - Let Everyone permissions apply to anonymous users</t>
  </si>
  <si>
    <t>Many resources across the network are accessible to the Everyone group. This special group contains all accounts; however, it does not contain the anonymous user (null session, see section 3.1.1). Enabling this option adds the null user to the Everyone group, escalating privileges of this account. The Everyone group is assigned to many network resources by default.  The default setting for this rule is Disabled.</t>
  </si>
  <si>
    <t>Determines what additional permissions are granted for anonymous connections to the computer.  Windows used to allow anonymous users to perform certain activities, such as enumerating the names of domain accounts and network shares. This is convenient, for example, when an administrator wants to grant access to users in a trusted domain that does not maintain a reciprocal trust. By Default, the Everyone security identifier (SID) is now removed from the token created for anonymous connections. Therefore, permissions granted to the Everyone group do not apply to anonymous users. If this option is set, anonymous users can only access those resources for which the anonymous user has been explicitly given permission. If this policy is enabled, the Everyone SID is added to the token that is created for anonymous connections. In this case, anonymous users are able to access any resource for which the Everyone group has been given permissions.  It is NOT recommended to enable this setting.  The default setting for this rule is Disabled.</t>
  </si>
  <si>
    <t>This rule setting determines what additional permissions are assigned for anonymous connections to the computer. If you enable this rule setting, anonymous Windows users are allowed to perform certain activities, such as enumerate the names of domain accounts and network shares. An unauthorized user could anonymously list account names and shared resources and use the information to guess passwords or perform social engineering attacks.  The default setting is Disabled.</t>
  </si>
  <si>
    <t>This rule verifies what additional permissions are assigned for anonymous connections to the computer.</t>
  </si>
  <si>
    <t>2.2.a Verify system configuration - Limit simultaneous write and execute access to memory</t>
  </si>
  <si>
    <t>2.2.a Verify system configuration - Load and unload device drivers</t>
  </si>
  <si>
    <t>This rule verifies that 'Load and unload device drivers' user right is assigned only to administrators.</t>
  </si>
  <si>
    <t>2.2.a Verify system configuration - Lock pages in memory</t>
  </si>
  <si>
    <t>This rule verifies that 'Lock pages in memory' user right is not assigned to any user.</t>
  </si>
  <si>
    <t>2.2.a Verify system configuration - Log on as a batch job</t>
  </si>
  <si>
    <t>This rule verifies that 'Log on as a batch job' user right is assigned only to administrators.</t>
  </si>
  <si>
    <t>2.2.a Verify system configuration - Log Suspicious Packets</t>
  </si>
  <si>
    <t>This rule verifies that the below kernel parameter are set:    net.ipv4.conf.all.log_martians = 1  net.ipv4.conf.default.log_martians = 1</t>
  </si>
  <si>
    <t>This rule verifies that below kernel parameters are set to 1:    net.ipv4.conf.all.log_martians  net.ipv4.conf.default.log_martians</t>
  </si>
  <si>
    <t>2.2.a Verify system configuration - Machine inactivity limit</t>
  </si>
  <si>
    <t>This rule verifies whether a Windows notices inactivity of a logon session, and if the amount of inactive time exceeds the inactivity limit, then the screen saver will run, locking the session.  The default setting for this rule is 900 or fewer seconds.</t>
  </si>
  <si>
    <t>Windows notices inactivity of a logon session, and if the amount of inactive time exceeds the inactivity limit, then the screen saver will run, locking the session.</t>
  </si>
  <si>
    <t>2.2.a Verify system configuration - Mail relaying must be restricted</t>
  </si>
  <si>
    <t>2.2.a Verify system configuration - Make the Audit Configuration Immutable</t>
  </si>
  <si>
    <t>2.2.a Verify system configuration - Manage auditing and security log</t>
  </si>
  <si>
    <t>This rule verifies that 'Manage auditing and security log' user right is assigned only to administrators.</t>
  </si>
  <si>
    <t>2.2.a Verify system configuration - Maximum Application Event Log Size</t>
  </si>
  <si>
    <t>This rule verifies the maximum size of the Application event log, which has a maximum capacity of 4 GB. However, this size is not recommended because of the risk of memory fragmentation, which causes slow performance and unreliable event logging.  The default setting for this rule is 16,384KB.</t>
  </si>
  <si>
    <t>2.2.a Verify system configuration - Maximum number of 'quasi-free' connections</t>
  </si>
  <si>
    <t>A quasi-free connection is one in which the SYN packet is sent, but the full TCP 3-way connection handshake is not yet complete. This setting defines the number of uninitiated and the number of quasi-free connections per listening endpoint.  The default setting for this rule is 20000.</t>
  </si>
  <si>
    <t>2.2.a Verify system configuration - Maximum Security Event Log Size</t>
  </si>
  <si>
    <t>This rule verifies the maximum size of the Security event log, which has a maximum capacity of 4 GB. You should configure the Security log to at least 80 MB on domain controllers and stand-alone servers, which should adequately store enough information to conduct audits.  The default setting for this rule is 81,920 KB.</t>
  </si>
  <si>
    <t>2.2.a Verify system configuration - Maximum System Event Log Size</t>
  </si>
  <si>
    <t>This rule verifies the maximum size of the System event log, which has a maximum capacity of 4 GB. However, this size is not recommended because of the risk of memory fragmentation, which causes slow performance and unreliable event logging.  The default setting for this rule is 16,384KB.</t>
  </si>
  <si>
    <t>2.2.a Verify system configuration - Message text for users attempting to log on</t>
  </si>
  <si>
    <t>This rule verifies that Windows Server 2003 is configured to display a legal notice prior to logging on.</t>
  </si>
  <si>
    <t>2.2.a Verify system configuration - Min session security for NTLM SSP based svr</t>
  </si>
  <si>
    <t>This rule verifies which behaviors are allowed for applications using the NTLM Security Support Provider (SSP). The SSP Interface (SSPI) is used by applications that need authentication services. The setting does not modify how the authentication sequence works but instead require certain behaviors in applications that use the SSPI.</t>
  </si>
  <si>
    <t>2.2.a Verify system configuration - Min session security NTLM SSP based clients</t>
  </si>
  <si>
    <t>2.2.a Verify system configuration - Minimum number of free connections</t>
  </si>
  <si>
    <t>This setting defines the minimum number of free connections that can exist before a new thread is created to open up additional connections.  The default setting for this rule is 20.</t>
  </si>
  <si>
    <t>2.2.a Verify system configuration - Minimum session security for NTLM SSP based clients</t>
  </si>
  <si>
    <t>NTLM authentication can provide a security service to manage connection between various clients and servers, including through the Remote Procedure Call (RPC) service. Windows 2000 improved the security model for secure, authenticated client-server communications; this setting manages the new features for communications established by this workstation.  The default setting for this rule is Require Message Integrity, Message Confidentiality, NTLMv2 Session Security, 128-bit Encryption.</t>
  </si>
  <si>
    <t>This rule setting allows a client to require the negotiation of message confidentiality (encryption), message signing, 128-bit encryption, or NTLM version 2 (NTLMv2) session security.  The default setting for this rule is Require NTLMv2 session security,Require 128-bit encryption.</t>
  </si>
  <si>
    <t>This rule verifies a client computer to require the negotiation of message confidentiality (encryption), message integrity, 128-bit encryption, or NTLMv2 session security. For all profiles, the recommended state for this setting is Require NTLMv2 session security,Require 128-bit encryption.</t>
  </si>
  <si>
    <t>2.2.a Verify system configuration - Minimum session security for NTLM SSP based servers</t>
  </si>
  <si>
    <t>NTLM authentication can provide a security service to manage connection between various clients and servers, including through the Remote Procedure Call (RPC) service. Windows 2000 improved the security model for secure, authenticated client-server communications; this setting manages the new features for communication services provided by this workstation to other computers.  The default setting for this rule is Require Message Integrity, Message Confidentiality, NTLMv2 Session Security, 128-bit Encryption.</t>
  </si>
  <si>
    <t>This rule setting allows a server to require the negotiation of message confidentiality (encryption), message integrity, 128-bit encryption, or NTLMv2 session security. Configure this policy setting to as high a security level as possible, but remember that you still need to allow the applications on the network to function.  The default setting for this rule is Require NTLMv2 session security,Require 128-bit encryption.</t>
  </si>
  <si>
    <t>This rule verifies the minimum security requirements for establishing sessions with NTLM SSP servers.  The default setting is Require NTLMv2 session security, Require 128 bit encryption.</t>
  </si>
  <si>
    <t>2.2.a Verify system configuration - Miscellaneous Config - ftp umask</t>
  </si>
  <si>
    <t>This rule verifies that ftp service is invoked with -u077 parameter.</t>
  </si>
  <si>
    <t>2.2.a Verify system configuration - Miscellaneous Config - serial port restriction</t>
  </si>
  <si>
    <t>This rule verifies that there are no tty entries in /etc/inittab file.    Note: Add an exception for system console.</t>
  </si>
  <si>
    <t>2.2.a Verify system configuration - Miscellaneous Enhancements - /etc/ftpusers</t>
  </si>
  <si>
    <t>This rule verifies that user root exists in /etc/ftpusers file.</t>
  </si>
  <si>
    <t>2.2.a Verify system configuration - Miscellaneous Enhancements - default umask</t>
  </si>
  <si>
    <t>This rule verifies that umask is set to 027.</t>
  </si>
  <si>
    <t>2.2.a Verify system configuration - Miscellaneous Enhancements - disabling core dumps</t>
  </si>
  <si>
    <t>This rule verifies that below parameters are set:    core = 0  core_hard = 0</t>
  </si>
  <si>
    <t>2.2.a Verify system configuration - Modify an object label</t>
  </si>
  <si>
    <t>This rule verifies that 'Modify an object label' user right is not assigned to any user.</t>
  </si>
  <si>
    <t>2.2.a Verify system configuration - Modify firmware environment values</t>
  </si>
  <si>
    <t>This rule verifies that 'Modify firmware environment values' user right is assigned only to administrators.</t>
  </si>
  <si>
    <t>2.2.a Verify system configuration - Named Pipes that can be accessed anonymously</t>
  </si>
  <si>
    <t>Named Pipes are communications channels between two processes. The process may or may not be located on the same computer, and communications are peer-to-peer rather than client-to-server. Each pipe is assigned an access control list.  This setting defines which pipes can be accessed remotely without authentication, and should be left blank. In order for this setting to take effect, you must enable 3.2.1.47, Network Access: Restrict anonymous access to Named Pipes and Shares.  The default setting for this rule is None.</t>
  </si>
  <si>
    <t>2.2.a Verify system configuration - Network Parameter modifications</t>
  </si>
  <si>
    <t>This rule verifies that ownership for /etc/rc.config.d/nddconf is root:sys and that group and others do not have write permission on file and also that executable and stick bit are not set.</t>
  </si>
  <si>
    <t>2.2.a Verify system configuration - No auto-restart with logged on users</t>
  </si>
  <si>
    <t>If this rule setting is enabled, the computer will wait for a logged-on user to restart it to complete a scheduled installation; otherwise, the computer will restart automatically. When enabled, this rule setting also prevents Automatic Updates from restarting computers automatically during a scheduled installation. If a user is logged on to a computer when Automatic Updates requires a restart to complete an update installation, the user is notified and given the option to delay the restart. Automatic Updates will not detect future updates until the restart occurs.  The default setting is Disabled.</t>
  </si>
  <si>
    <t>This rule verifies that Automatic Updates will wait for computers to be restarted by the users who are logged on to them to complete a scheduled installation.</t>
  </si>
  <si>
    <t>2.2.a Verify system configuration - No more than three consecutive repeating characters in password</t>
  </si>
  <si>
    <t>This rule verifies that 'maxrepeat' parameter is set to 3.</t>
  </si>
  <si>
    <t>2.2.a Verify system configuration - Notify antivirus programs when opening attachments</t>
  </si>
  <si>
    <t>This rule verifies whether antivirus program to be notified when opening attachments.  The default setting for this rule is Enabled.</t>
  </si>
  <si>
    <t>Antivirus programs are mandatory in many environments and provide a strong defense against attack.  The Notify antivirus programs when opening attachments setting allows you to manage how registered antivirus programs are notified.</t>
  </si>
  <si>
    <t>2.2.a Verify system configuration - Number of connections to create for Winsock</t>
  </si>
  <si>
    <t>Windows socket applications which support a large number of connections use AFD.sys to manage connection backlog. Four settings control how this backlog is handled. Should all the existing connections be used, this setting determines how many additional connections are created. If this is set too large, the computer could be susceptible to a SYN-flood or similar resource exhaustion attack.  The default setting for this rule is 10.</t>
  </si>
  <si>
    <t>2.2.a Verify system configuration - Number of previous logons to cache</t>
  </si>
  <si>
    <t>This rule verifies whether a user can log on to a Windows domain with cached account information. Logon information for domain accounts can be cached locally so that if a domain controller cannot be contacted on subsequent logons, a user can still log on. This capability may allow users to log on after their account has been disabled or deleted, because the workstation does not contact the domain controller. This policy setting determines the number of unique users for whom logon information is cached locally. If you configure this setting to 0, the logon cache is disabled.  The default setting for this rule is 0.</t>
  </si>
  <si>
    <t>This rule verifies whether a user can log on to a Windows domain with cached account information. Logon information for domain accounts can be cached locally so that if a domain controller cannot be contacted on subsequent logons, a user can still log on. This capability may allow users to log on after their account has been disabled or deleted, because the workstation does not contact the domain controller. This policy setting determines the number of unique users for whom logon information is cached locally. If you configure this setting to 0, the logon cache is disabled.  The default setting for this rule is 4 or fewer.</t>
  </si>
  <si>
    <t>This rule setting determines whether a user can log on to a Windows domain using cached account information. Logon information for domain accounts can be cached locally to allow users to log on even if a domain controller cannot be contacted. This rule setting determines the number of unique users for whom logon information is cached locally.  If this value is set to 0, the logon cache feature is disabled. An attacker who is able to access the file system of the server could locate this cached information and use a brute force attack to determine user passwords.  The default setting is 2.</t>
  </si>
  <si>
    <t>This rule verifies whether a user can log on to a Windows domain using cached account information.</t>
  </si>
  <si>
    <t>2.2.a Verify system configuration - Omit recovery options from BitLocker setup - Fixed Drives</t>
  </si>
  <si>
    <t>2.2.a Verify system configuration - Omit recovery options from BitLocker setup - OS Drives</t>
  </si>
  <si>
    <t>2.2.a Verify system configuration - Omit recovery options from BitLocker setup - Removable Drives</t>
  </si>
  <si>
    <t>2.2.a Verify system configuration - Only elevate executables that are signed and validated</t>
  </si>
  <si>
    <t>This verifies how the public key infrastructure (PKI) signature checks for any interactive applications that request elevation of privilege. Enterprise administrators can control which applications are allowed to run by adding certificates to the Trusted Publishers certificate store on local computers. The recommended state for this setting is Enabled.</t>
  </si>
  <si>
    <t>This rule verifies whether to enforces public key infrastructure (PKI) signature checks for any interactive applications that request elevation of privilege. Enterprise administrators can control which applications are allowed to run by adding certificates to the Trusted Publishers certificate store on local computers.</t>
  </si>
  <si>
    <t>2.2.a Verify system configuration - Only elevate UIAccess applications in secure locations</t>
  </si>
  <si>
    <t>This verifies that the protect Windows by only allowing applications installed in a secure location, such as %ProgramFiles% and %SystemRoot%\System32, to run with elevated privileges. For all profiles, the recommended state for this setting is Enabled.</t>
  </si>
  <si>
    <t>This rule setting helps protect a Windows 7 based computer by only allowing applications installed in a secure location, such as the Program Files or the Windows\System32 folders, on the file system to run with elevated privileges.  The default setting is Enabled.</t>
  </si>
  <si>
    <t>This rule verifies whether applications that request to run with a User Interface Accessibility (UIAccess) integrity level must reside in a secure location in the file system.</t>
  </si>
  <si>
    <t>2.2.a Verify system configuration - Optional subsystems</t>
  </si>
  <si>
    <t>Here you can define subsystems which support running applications. The default entry of POSIX allows the POSIX subsystem to run. Defining this option but leaving the list blank will effectively disable the POSIX subsystem, which is only useful for Unix emulation services running on Windows. Subsystems can spawn processes which access multiple user sessions. The poorly written subsystem may.  The default setting for this rule is None.</t>
  </si>
  <si>
    <t>This security setting determines which subsystems are used to support your applications. With this security setting, you can specify as many subsytems to support as your environment demands.  The default setting for this rule is Default: None.</t>
  </si>
  <si>
    <t>2.2.a Verify system configuration - Password protect the screen saver</t>
  </si>
  <si>
    <t>This rule verifies password protection on the system when screen saver is enabled.  The default setting for this rule is Enabled.</t>
  </si>
  <si>
    <t>This rule verifies that the screen saver setting are password protected.</t>
  </si>
  <si>
    <t>2.2.a Verify system configuration - PCM - sudo</t>
  </si>
  <si>
    <t>This rule verifies that sudo package is installed.</t>
  </si>
  <si>
    <t>2.2.a Verify system configuration - Percentage threshold to generate a warning</t>
  </si>
  <si>
    <t>This rule verifies that the WarningLevel registry setting is set to 90.  It generates a security audit in the Security log when its size reaches a user-defined threshold. For example, if you configure the value for this registry entry to 90 and the Security log reaches 90 percent of capacity, the log will show one entry with an eventID of 523 that reads as follows: “The security event log is 90 percent full.”</t>
  </si>
  <si>
    <t>2.2.a Verify system configuration - Perform volume maintenance tasks</t>
  </si>
  <si>
    <t>This rule verifies that 'Perform volume maintenance tasks' user right is assigned only to administrators.</t>
  </si>
  <si>
    <t>2.2.a Verify system configuration - Permissions and Ownership - /audit</t>
  </si>
  <si>
    <t>This rule verifies below permissions and ownership for /audit directory:    Mode = 750  Ownership = root:audit</t>
  </si>
  <si>
    <t>2.2.a Verify system configuration - Permissions and Ownership - /audit/*</t>
  </si>
  <si>
    <t>This rule verifies that /audit directory contents have permissions of 640.</t>
  </si>
  <si>
    <t>2.2.a Verify system configuration - Permissions and Ownership - /etc/group</t>
  </si>
  <si>
    <t>This rule verifies below permissions and ownership for /etc/group file:    Mode = 644  Ownership = root:security</t>
  </si>
  <si>
    <t>2.2.a Verify system configuration - Permissions and Ownership - /etc/motd</t>
  </si>
  <si>
    <t>This rule verifies below permissions and ownership for /etc/motd file:    Mode = 644  Ownership = bin:bin</t>
  </si>
  <si>
    <t>2.2.a Verify system configuration - Permissions and Ownership - /etc/passwd</t>
  </si>
  <si>
    <t>This rule verifies below permissions and ownership for /etc/passwd file:    Mode = 644  Ownership = root:security</t>
  </si>
  <si>
    <t>2.2.a Verify system configuration - Permissions and Ownership - /etc/security</t>
  </si>
  <si>
    <t>This rule verifies below permissions and ownership for /etc/security directory:    Mode = 750  Ownership = root:security</t>
  </si>
  <si>
    <t>2.2.a Verify system configuration - Permissions and Ownership - /etc/security/*</t>
  </si>
  <si>
    <t>This rule verifies below permissions and ownership for files and directories under /etc/security directory except /etc/security/audit directory and its contents:    Mode &lt;= 750  Ownership = root:security</t>
  </si>
  <si>
    <t>2.2.a Verify system configuration - Permissions and Ownership - /etc/security/audit</t>
  </si>
  <si>
    <t>This rule verifies below permissions and ownership for /etc/security/audit directory:    Mode = 750  Ownership = root:audit</t>
  </si>
  <si>
    <t>2.2.a Verify system configuration - Permissions and Ownership - /etc/security/audit/*</t>
  </si>
  <si>
    <t>This rule verifies below permissions and ownership for /etc/security/audit directory contents:    Mode = 640  Ownership = root:audit</t>
  </si>
  <si>
    <t>2.2.a Verify system configuration - Permissions and Ownership - /smit.log</t>
  </si>
  <si>
    <t>This rule verifies below permissions and ownership for /smit.log file:    Mode = 640  Ownership = root:system</t>
  </si>
  <si>
    <t>2.2.a Verify system configuration - Permissions and Ownership - /var/adm/cron/at.allow</t>
  </si>
  <si>
    <t>This rule verifies below permissions and ownership for /var/adm/cron/at.allow file:    Mode = 400  Ownership = root:sys</t>
  </si>
  <si>
    <t>2.2.a Verify system configuration - Permissions and Ownership - /var/adm/cron/cron.allow</t>
  </si>
  <si>
    <t>This rule verifies below permissions and ownership for /var/adm/cron/cron.allow file:    Mode = 400  Ownership = root:sys</t>
  </si>
  <si>
    <t>2.2.a Verify system configuration - Permissions and Ownership - /var/adm/cron/log</t>
  </si>
  <si>
    <t>This rule verifies below permissions and ownership for /var/adm/cron/log file:    Mode = 660  Ownership = root:cron</t>
  </si>
  <si>
    <t>2.2.a Verify system configuration - Permissions and Ownership - /var/adm/ras</t>
  </si>
  <si>
    <t>This rule verifies below permissions for files under /var/adm/ras directory:    Other Read Bit = 0  Other Write Bit = 0</t>
  </si>
  <si>
    <t>2.2.a Verify system configuration - Permissions and Ownership - /var/adm/sa</t>
  </si>
  <si>
    <t>This rule verifies below permissions and ownership for /var/adm/sa file:    Mode = 755  Ownership = adm:adm</t>
  </si>
  <si>
    <t>2.2.a Verify system configuration - Permissions and Ownership - /var/ct/RMstart.log</t>
  </si>
  <si>
    <t>This rule verifies below permissions and ownership for /var/ct/RMstart.log file:    Mode = 640  Ownership = root:system</t>
  </si>
  <si>
    <t>2.2.a Verify system configuration - Permissions and Ownership - /var/spool/cron/crontabs</t>
  </si>
  <si>
    <t>This rule verifies below permissions and ownership for /var/spool/cron/crontabs directory:    Mode = 770  Ownership = root:cron</t>
  </si>
  <si>
    <t>2.2.a Verify system configuration - Permissions and Ownership - /var/spool/cron/crontabs/*</t>
  </si>
  <si>
    <t>This rule verifies below permissions and ownership for /var/spool/cron/crontabs directory contents:    Other Read Bit = 0  Other Write Bit = 0  Other Execute Bit = 0  Group Ownership = cron</t>
  </si>
  <si>
    <t>2.2.a Verify system configuration - Permissions and Ownership - /var/tmp/dpid2.log</t>
  </si>
  <si>
    <t>This rule verifies below permissions and ownership for /var/tmp/dpid2.log file:    Mode = 640  Ownership = root:system</t>
  </si>
  <si>
    <t>2.2.a Verify system configuration - Permissions and Ownership - /var/tmp/hostmibd.log</t>
  </si>
  <si>
    <t>This rule verifies below permissions and ownership for /var/tmp/hostmibd.log file:    Mode = 640  Ownership = root:system</t>
  </si>
  <si>
    <t>2.2.a Verify system configuration - Permissions and Ownership - /var/tmp/snmpd.log</t>
  </si>
  <si>
    <t>This rule verifies below permissions and ownership for /var/tmp/snmpd.log file:    Mode = 640  Ownership = root:system</t>
  </si>
  <si>
    <t>2.2.a Verify system configuration - Pick one of the following settings</t>
  </si>
  <si>
    <t>This rule verifies that setting allows you to manage the behavior of Windows SmartScreen. Windows SmartScreen helps keep PCs safer by warning users before running unrecognized programs downloaded from the Internet.</t>
  </si>
  <si>
    <t>2.2.a Verify system configuration - Policies (1)</t>
  </si>
  <si>
    <t>This rule verifies that Authenticated Users have read access to 'HKEY_LOCAL_MACHINE\SOFTWARE\Microsoft\Windows\CurrentVersion\Policies' key.</t>
  </si>
  <si>
    <t>2.2.a Verify system configuration - Policies (2)</t>
  </si>
  <si>
    <t>This rule verifies that only Administrators and System have Full control of 'HKEY_LOCAL_MACHINE\SOFTWARE\Microsoft\Windows\CurrentVersion\Policies' Key.</t>
  </si>
  <si>
    <t>2.2.a Verify system configuration - Prevent installation of devices using drivers</t>
  </si>
  <si>
    <t>2.2.a Verify system configuration - Prevent Syslog from accepting messages from the network</t>
  </si>
  <si>
    <t>This rule verifies that syslog is running with '-N' option.</t>
  </si>
  <si>
    <t>2.2.a Verify system configuration - Prevent the root account from logging in from virtual consoles</t>
  </si>
  <si>
    <t>This rule verifies that root login is restricted to system console.</t>
  </si>
  <si>
    <t>2.2.a Verify system configuration - Process core dumps must be disabled unless needed</t>
  </si>
  <si>
    <t>This rule verifies that core dumps are disabled.</t>
  </si>
  <si>
    <t>2.2.a Verify system configuration - Process even if the Group Policy objects have not changed</t>
  </si>
  <si>
    <t>2.2.a Verify system configuration - Profile single process</t>
  </si>
  <si>
    <t>This rule verifies that 'Profile single process' user right is assigned only to administrators.</t>
  </si>
  <si>
    <t>2.2.a Verify system configuration - Profile system performance</t>
  </si>
  <si>
    <t>This rule verifies that 'Profile system performance' user right is assigned only to administrators and NT SERVICE\WdiServiceHost.</t>
  </si>
  <si>
    <t>2.2.a Verify system configuration - Prompt user to change password before expiration</t>
  </si>
  <si>
    <t>This rule verifies how many days in advance users are warned that their passwords are about to expire.  If users are not notified when their passwords are about to expire, they may not realize it until the passwords have already expired, which could cause confusion for local users who find it difficult to change their passwords.  The default setting for this rule is 14 days.</t>
  </si>
  <si>
    <t>This rule verifies how many days in advance users are warned that their passwords are about to expire.  If users are not notified when their passwords are about to expire, they may not realize it until the passwords have already expired, which could cause confusion for local users who find it difficult to change their passwords.  The default setting for this rule is 14 days or more.</t>
  </si>
  <si>
    <t>This rule setting determines how far in advance users are warned that their password will expire.   The default setting is 14 days.</t>
  </si>
  <si>
    <t>This rule verifies how far in advance users are warned that their password will expire.</t>
  </si>
  <si>
    <t>2.2.a Verify system configuration - Recovery Key - Fixed Drives</t>
  </si>
  <si>
    <t>2.2.a Verify system configuration - Recovery Key - OS Drives</t>
  </si>
  <si>
    <t>2.2.a Verify system configuration - Recovery Key - Removable Drives</t>
  </si>
  <si>
    <t>2.2.a Verify system configuration - Recovery Password - Fixed Drives</t>
  </si>
  <si>
    <t>2.2.a Verify system configuration - Recovery Password - OS Drives</t>
  </si>
  <si>
    <t>2.2.a Verify system configuration - Recovery Password - Removable Drives</t>
  </si>
  <si>
    <t>2.2.a Verify system configuration - Registry policy processing</t>
  </si>
  <si>
    <t>This rule setting determines when registry policies are updated. It affects all policies in the Administrative Templates folder, and any other policies that store values in the registry. If this rule setting is enabled, the following options are available:    Do not apply during periodic background processing.  Process even if the Group Policy objects have not changed.    Some settings that are configured through the Administrative Templates are made in areas of the registry that are accessible to users. User changes to these settings will be overwritten if this rule setting is enabled.  The default setting is Enabled.</t>
  </si>
  <si>
    <t>2.2.a Verify system configuration - Remote file systems must be mounted with the nodev option</t>
  </si>
  <si>
    <t>This rule verifies that for nfs file system, 'nodev' option is set.</t>
  </si>
  <si>
    <t>2.2.a Verify system configuration - Remote file systems must be mounted with the nosuid option</t>
  </si>
  <si>
    <t>This rule verifies that for nfs file system, 'nosuid' option is set.</t>
  </si>
  <si>
    <t>2.2.a Verify system configuration - Remotely accessible registry paths</t>
  </si>
  <si>
    <t>This setting defines the registry paths which can be accessed from another computer.  The default setting for this rule is System\CurrentControlSet\Control\ProductOptions System\CurrentControlSet\Control\Server Applications Software\Microsoft\WindowsNT\CurrentVersion.</t>
  </si>
  <si>
    <t>This rule verifies which registry paths will be accessible after referencing the WinReg key to determine access permissions to the paths.</t>
  </si>
  <si>
    <t>2.2.a Verify system configuration - Remotely accessible registry paths and sub-paths</t>
  </si>
  <si>
    <t>This setting defines the registry paths which can be accessed from another computer.  The default setting for this rule is System\CurrentControlSet\Control\Print\Printers System\CurrentControlSet\Services\Eventlog Software\Microsoft\OLAP Server Software\Microsoft\Windows NT\CurrentVersion\Print Software\Microsoft\Windows NT\CurrentVersion\Windows System\CurrentControlSet\Control\ContentIndex System\CurrentControlSet\Control\Terminal Server  System\CurrentControlSet\Control\Terminal Server\UserConfig System\CurrentControlSet\Control\Terminal Server\DefaultUserConfiguration Software\Microsoft\Windows NT\CurrentVersion\Perflib System\CurrentControlSet\Services\SysmonLog.</t>
  </si>
  <si>
    <t>This rule verifies which registry paths and sub-paths will be accessible when an application or process references the WinReg key to determine access permissions.</t>
  </si>
  <si>
    <t>2.2.a Verify system configuration - Remotely accessible registry paths and subpaths</t>
  </si>
  <si>
    <t>This setting defines the registry paths and corresponding child paths that can be accessed from another computer. Remote registry access depends on the remote registry service and requires authentication.  The default setting for this rule is:  Software\Microsoft\Windows NT\CurrentVersion\Print Software\Microsoft\Windows NT\CurrentVersion\Windows System\CurrentControlSet\Control\Print\Printers System\CurrentControlSet\Services\Eventlog Software\Microsoft\OLAP Server System\CurrentControlSet\Control\ContentIndex System\CurrentControlSet\Control\Terminal Server System\CurrentControlSet\Control\Terminal Server\UserConfig System\CurrentControlSet\Control\Terminal Server\DefaultUserConfiguration Software\Microsoft\Windows NT\CurrentVersion\Perflib System\CurrentControlSet\Services\SysmonLog.</t>
  </si>
  <si>
    <t>2.2.a Verify system configuration - Remove Autologin Capabilities from the GNOME desktop</t>
  </si>
  <si>
    <t>This rule verifies that there are no entries for gdm-autologin in /etc/pam.conf file.</t>
  </si>
  <si>
    <t>2.2.a Verify system configuration - Remove computer from docking station</t>
  </si>
  <si>
    <t>This rule verifies that 'Remove computer from docking station' user right is assigned only to administrators and users.</t>
  </si>
  <si>
    <t>2.2.a Verify system configuration - Remove OS Information from Login Warning Banners - issue</t>
  </si>
  <si>
    <t>This rule verifies that the below options are not used in banner file:    \m   \r   \s   \v</t>
  </si>
  <si>
    <t>2.2.a Verify system configuration - Remove OS Information from Login Warning Banners - issue.net</t>
  </si>
  <si>
    <t>2.2.a Verify system configuration - Remove OS Information from Login Warning Banners - motd</t>
  </si>
  <si>
    <t>2.2.a Verify system configuration - Remove SETroubleshoot</t>
  </si>
  <si>
    <t>This rule verifies that setroubleshoot is not installed.</t>
  </si>
  <si>
    <t>2.2.a Verify system configuration - Remove the pam_ccreds Package</t>
  </si>
  <si>
    <t>This rule verifies that pam_ccreds is not installed.</t>
  </si>
  <si>
    <t>2.2.a Verify system configuration - Replace a process level token</t>
  </si>
  <si>
    <t>This rule verifies that 'Replace a process level token' user right is assigned only to NT AUTHORITY\LOCAL SERVICE and NT AUTHORITY\NETWORK SERVICE.</t>
  </si>
  <si>
    <t>2.2.a Verify system configuration - Require a Password When a Computer Wakes (On Battery)</t>
  </si>
  <si>
    <t>This rule verifies whether or not the user is prompted for a password when the system resumes from sleep.  The default setting is Enabled.</t>
  </si>
  <si>
    <t>Specifies whether or not the user is prompted for a password when the system resumes from sleep.</t>
  </si>
  <si>
    <t>2.2.a Verify system configuration - Require a Password When a Computer Wakes (Plugged In)</t>
  </si>
  <si>
    <t>2.2.a Verify system configuration - Require additional authentication at startup</t>
  </si>
  <si>
    <t>2.2.a Verify system configuration - Require Authentication for Single-User Mode</t>
  </si>
  <si>
    <t>This rule verifies that the 'SINGLE' configuration parameter is set to '/sbin/sulogin'.</t>
  </si>
  <si>
    <t>2.2.a Verify system configuration - Require Authentication for Single-User Mode - 1</t>
  </si>
  <si>
    <t>This rule verifies that below line exists in /etc/inittab file:    ls:S:wait:/etc/init.d/rc S</t>
  </si>
  <si>
    <t>2.2.a Verify system configuration - Require Authentication for Single-User Mode - 2</t>
  </si>
  <si>
    <t>This rule verifies that below line exists in /etc/inittab file:    ~~:S:respawn:/sbin/sulogin</t>
  </si>
  <si>
    <t>2.2.a Verify system configuration - Require authentication upon booting into single-user mode</t>
  </si>
  <si>
    <t>This rule verifies that 'SINGLE' parameter is set to '/sbin/sulogin'.</t>
  </si>
  <si>
    <t>2.2.a Verify system configuration - Require case insensitivity for non-Windows subsystems</t>
  </si>
  <si>
    <t>This rule verifies whether case insensitivity is enforced for all subsystems. The Microsoft Win32® subsystem is case insensitive. However, the kernel supports case sensitivity for other subsystems, such as the Portable Operating System Interface for UNIX (POSIX). Because Windows is case insensitive and the POSIX subsystem supports case sensitivity, failure to enforce this setting makes it possible for a POSIX user to create a file with the same name as another file if they use mixed case letters to label it. Such an occurrence may block another user's access to these files with typical Win32 tools, because only one of the files will be available.  The default setting for this rule is Enabled.</t>
  </si>
  <si>
    <t>This rule verifies whether case insensitivity is enforced for all subsystems. The Microsoft Win32' subsystem is case insensitive. However, the kernel supports case sensitivity for other subsystems, such as the Portable Operating System Interface for UNIX (POSIX). Because Windows is case insensitive (but the POSIX subsystem will support case sensitivity), failure to enforce this policy setting makes it possible for a user of the POSIX subsystem to create a file with the same name as another file by using mixed case to label it. Such a situation can block access to these files by another user who uses typical Win32 tools, because only one of the files will be available.</t>
  </si>
  <si>
    <t>2.2.a Verify system configuration - Require Domain Controller authentication to unlock workstation</t>
  </si>
  <si>
    <t>This rule verifies that Windows Server 2003 is configured to require the system to pass the credentials to the domain controller (if in a domain) for authentication, before allowing the system to be unlocked.  The default setting for this rule is Enabled.</t>
  </si>
  <si>
    <t>For domain accounts, this rule setting determines whether a domain controller must be contacted to unlock a computer. This rule setting addresses a potential vulnerability that is similar to one for the Interactive logon: Number of previous logons to cache (in case domain controller is not available) setting. A user could disconnect the network cable of the server, unlock the server with an old password, and unlock the server without authentication.  The default setting for this rule is Enabled.</t>
  </si>
  <si>
    <t>For domain accounts, this rule setting determines whether a domain controller must be contacted to unlock a computer. This rule setting addresses a potential vulnerability that is similar to one for the Interactive logon: Number of previous logons to cache (in case domain controller is not available) setting. A user could disconnect the network cable of the server, unlock the server with an old password, and unlock the server without authentication.  The default setting for this rule is Disabled.</t>
  </si>
  <si>
    <t>This rule verifies that the logon information is required to unlock a locked computer.</t>
  </si>
  <si>
    <t>2.2.a Verify system configuration - Require trusted path for credential entry</t>
  </si>
  <si>
    <t>This rule verifies when this setting is enabled, instead of displaying the credentials dialog, Windows will first prompt the user to press Control+Alt+Delete, then Windows will switch to the secure desktop to accept the users credentials. For all profiles, the recommended state for this setting is Enabled.</t>
  </si>
  <si>
    <t>2.2.a Verify system configuration - Require use of smart cards - Fixed Drives</t>
  </si>
  <si>
    <t>2.2.a Verify system configuration - Require use of smart cards - Removable drives</t>
  </si>
  <si>
    <t>This rule verifies whether a password is required to unlock BitLocker-protected removable data drives.</t>
  </si>
  <si>
    <t>2.2.a Verify system configuration - Reschedule Automatic Updates scheduled installations</t>
  </si>
  <si>
    <t>This control defines whether to delay automatic updates installation that would otherwise normally occur on computer start up. For all profiles, the recommended state for this setting is Enabled.</t>
  </si>
  <si>
    <t>2.2.a Verify system configuration - Restore files and directories</t>
  </si>
  <si>
    <t>This rule verifies that 'Restore files and directories' user right is assigned only to administrators.</t>
  </si>
  <si>
    <t>2.2.a Verify system configuration - Restrict access to power management functions</t>
  </si>
  <si>
    <t>This rule verifies that below parameters are set:    PMCHANGEPERM=-  CPRCHANGEPERM=-</t>
  </si>
  <si>
    <t>2.2.a Verify system configuration - Restrict access to sys-suspend feature</t>
  </si>
  <si>
    <t>This rule verifies that PERMS parameter is set to '-'.</t>
  </si>
  <si>
    <t>2.2.a Verify system configuration - Restrict Access to the su Command</t>
  </si>
  <si>
    <t>This rule verifies that below line exists in /etc/pam.d/su file:    auth required pam_wheel.so use_uid</t>
  </si>
  <si>
    <t>2.2.a Verify system configuration - Restrict anonymous access to Named Pipes and Shares</t>
  </si>
  <si>
    <t>When enabled, the anonymous restrictions on shares and named pipes take effect to prevent null sessions from accessing these resources.  The default setting for this rule is Enabled.</t>
  </si>
  <si>
    <t>This rule verifies that anonymous access to shares and named pipes in the following settings:  •</t>
  </si>
  <si>
    <t>Network access: Named pipes that can be accessed anonymously  •</t>
  </si>
  <si>
    <t>Network access: Shares that can be accessed anonymously  The default setting for this rule is Enabled.</t>
  </si>
  <si>
    <t>When enabled, this policy setting restricts anonymous access to only those shares and pipes that are named in the Network access: Named pipes that can be accessed anonymously and Network access: Shares that can be accessed anonymously settings. This policy setting controls null session access to shares on your computers by adding RestrictNullSessAccess with the value 1 in the HKLM\System \CurrentControlSet\Services\LanManServer\Parameters registry key. This registry value toggles null session shares on or off to control whether the server service restricts unauthenticated clients' access to named resources. Null sessions are a weakness that can be exploited through shares (including the default shares) on computers in your environment.</t>
  </si>
  <si>
    <t>2.2.a Verify system configuration - Restrict at Daemon - at.allow</t>
  </si>
  <si>
    <t>This rule verifies that /etc/at.allow file exists and permissions and user and group ownerships for /etc/at.allow file is 600 and root:root respectively.</t>
  </si>
  <si>
    <t>2.2.a Verify system configuration - Restrict at Daemon - at.deny</t>
  </si>
  <si>
    <t>This rule verifies that /etc/at.deny file does not exist.</t>
  </si>
  <si>
    <t>2.2.a Verify system configuration - Restrict at/cron to Authorized Users - at.allow</t>
  </si>
  <si>
    <t>2.2.a Verify system configuration - Restrict at/cron to Authorized Users - at.deny</t>
  </si>
  <si>
    <t>2.2.a Verify system configuration - Restrict at/cron to Authorized Users - cron.allow</t>
  </si>
  <si>
    <t>This rule verifies that /etc/cron.allow file exists and permissions and user and group ownerships for /etc/cron.allow file is 600 and root:root respectively.</t>
  </si>
  <si>
    <t>2.2.a Verify system configuration - Restrict at/cron to Authorized Users - cron.deny</t>
  </si>
  <si>
    <t>This rule verifies that /etc/cron.deny file does not exist.</t>
  </si>
  <si>
    <t>2.2.a Verify system configuration - Restrict at/cron to Authorized Users - Files</t>
  </si>
  <si>
    <t>This rule verifies that below files do no exist:    /etc/cron.d/cron.deny  /etc/cron.d/at.deny</t>
  </si>
  <si>
    <t>2.2.a Verify system configuration - Restrict at/cron to authorized users - no deny files</t>
  </si>
  <si>
    <t>This rule verifies that cron.deny and at.deny should not exist in /var/adm/cron folder.</t>
  </si>
  <si>
    <t>2.2.a Verify system configuration - Restrict at/cron to Authorized Users - no deny files</t>
  </si>
  <si>
    <t>This rule verifies that /etc/cron.d/at.deny and /etc/cron.d/cron.deny files do not exist.</t>
  </si>
  <si>
    <t>2.2.a Verify system configuration - Restrict at/cron to authorized users - owner and permission</t>
  </si>
  <si>
    <t>This rule verifies that the ownership and permissions for /var/adm/cron/at.allow and /var/adm/cron/cron.allow are root:sys and 400 respectively.</t>
  </si>
  <si>
    <t>2.2.a Verify system configuration - Restrict at/cron to authorized users - root</t>
  </si>
  <si>
    <t>This rule verifies that only root is allowed to use AT and CRON.</t>
  </si>
  <si>
    <t>2.2.a Verify system configuration - Restrict Core Dumps</t>
  </si>
  <si>
    <t>This rule verifies that the kernel parameter fs.suid_dumpable is set to 0.</t>
  </si>
  <si>
    <t>2.2.a Verify system configuration - Restrict Core Dumps - fs.suid_dumpable</t>
  </si>
  <si>
    <t>This rule verifies that 'fs.suid_dumpable' kernel parameter is set to 0.</t>
  </si>
  <si>
    <t>2.2.a Verify system configuration - Restrict Core Dumps - limits.conf</t>
  </si>
  <si>
    <t>This rule verifies that '* hard core 0' parameter is set in /etc/security/limits.conf file.</t>
  </si>
  <si>
    <t>2.2.a Verify system configuration - Restrict Core Dumps to Protected Directory</t>
  </si>
  <si>
    <t>This rule verifies that /var/cores directory has permissions of 700.</t>
  </si>
  <si>
    <t>2.2.a Verify system configuration - Restrict crontab file permissions</t>
  </si>
  <si>
    <t>This rule verifies that the ownership for /var/spool/cron/crontabs/* files are root:sys and only root has access to these files.</t>
  </si>
  <si>
    <t>2.2.a Verify system configuration - Restrict crypto algorithms or cipher suites - Fixed Drives</t>
  </si>
  <si>
    <t>2.2.a Verify system configuration - Restrict crypto algorithms or cipher suites - OS Drives</t>
  </si>
  <si>
    <t>2.2.a Verify system configuration - Restrict crypto algorithms or cipher suites - Removable Drives</t>
  </si>
  <si>
    <t>2.2.a Verify system configuration - Restrict encryption algorithms and cipher suites - Fixed Drives</t>
  </si>
  <si>
    <t>2.2.a Verify system configuration - Restrict encryption algorithms and cipher suites - OS Drives</t>
  </si>
  <si>
    <t>2.2.a Verify system configuration - Restrict encryption algorithms and cipher suites-Removable Drive</t>
  </si>
  <si>
    <t>2.2.a Verify system configuration - Restrict Guest Access to Application Log</t>
  </si>
  <si>
    <t>This rule verifies that the Guest account can not access the Application Log.</t>
  </si>
  <si>
    <t>2.2.a Verify system configuration - Restrict Guest Access to Security Log</t>
  </si>
  <si>
    <t>This rule verifies that the Guest account can not access the Security Log.</t>
  </si>
  <si>
    <t>2.2.a Verify system configuration - Restrict Guest Access to the System Log</t>
  </si>
  <si>
    <t>This rule verifies that that Guests are prevented from accessing the System Log.</t>
  </si>
  <si>
    <t>This rule verifies that the Guest account can not access the System Log.</t>
  </si>
  <si>
    <t>2.2.a Verify system configuration - Restrict NTLM: Audit Incoming NTLM Traffic</t>
  </si>
  <si>
    <t>This rule verifies that setting allows you to audit incoming NTLM traffic.</t>
  </si>
  <si>
    <t>2.2.a Verify system configuration - Restrict root Login to System Console</t>
  </si>
  <si>
    <t>This rule verifies that CONSOLE parameter is set to /dev/console.</t>
  </si>
  <si>
    <t>This rule verifies that root login is restricted to console.</t>
  </si>
  <si>
    <t>2.2.a Verify system configuration - Restrict root logins to system console (1)</t>
  </si>
  <si>
    <t>This rule verifies that root login is restricted to system console .</t>
  </si>
  <si>
    <t>2.2.a Verify system configuration - Restrict root logins to system console (2)</t>
  </si>
  <si>
    <t>This rule verifies that the ownership for /etc/securetty is root:sys and  that only root has access to the file.</t>
  </si>
  <si>
    <t>2.2.a Verify system configuration - Restrict users who can access to FTP</t>
  </si>
  <si>
    <t>This rule verifies that the owner and group of /etc/ftpd/ftpusers or /etc/ftpusers is bin:bin and permissions are 600.</t>
  </si>
  <si>
    <t>2.2.a Verify system configuration - Restricted Groups</t>
  </si>
  <si>
    <t>This rule verifies that 'Remote Desktop Users' group does not exist.</t>
  </si>
  <si>
    <t>2.2.a Verify system configuration - Restrictions for Unauthenticated RPC clients</t>
  </si>
  <si>
    <t>This rule setting configures the RPC Runtime on an RPC server to restrict unauthenticated RPC clients from connecting to the RPC server. A client will be considered an authenticated client if it uses a named pipe to communicate with the server or if it uses RPC Security. RPC interfaces that have specifically asked to be accessible by unauthenticated clients may be exempt from this restriction, depending on the selected value for this policy. If you enable this rule setting, the following values are available:    None. Allows all RPC clients to connect to RPC servers that run on the computer on which the policy is applied.  Authenticated. Allows only authenticated RPC clients to connect to RPC servers that run on the computer on which the policy is applied. Interfaces that have asked to be exempt from this restriction will be granted an exemption.  Authenticated without exceptions. Allows only authenticated RPC clients to connect to RPC servers that run on the computer on which the policy is applied. No exceptions are allowed.      The default setting is Enabled: Authenticated.</t>
  </si>
  <si>
    <t>2.2.a Verify system configuration - RPC Runtime Unauthenticated Client Restriction to Apply</t>
  </si>
  <si>
    <t>This rule verifies how the RPC server runtime handles unauthenticated RPC clients connecting to RPC servers.</t>
  </si>
  <si>
    <t>2.2.a Verify system configuration - Run all administrators in Admin Approval Mode</t>
  </si>
  <si>
    <t>This verifies the UAC on/off switch and defines whether users and administrators are prompted when they attempt to perform administrative operations. For all profiles, the recommended state for this setting is Enabled.</t>
  </si>
  <si>
    <t>This rule setting effectively disables UAC. There are two values for this rule setting:  1. Enabled. Using this value prompts both administrators and standard users when either type of user attempts to perform administrative operations. The prompt style depends on policy.  2. Disabled. Using this value disables the Admin Approval Mode user type and all related UAC policies. This setting will cause the Security Center to indicate that the overall security of the operating system has been reduced.  The default setting is Enabled.</t>
  </si>
  <si>
    <t>This rule verifies the behavior of all User Account Control (UAC) policy settings for the computer. If you change this policy setting, you must restart your computer.</t>
  </si>
  <si>
    <t>2.2.a Verify system configuration - Samba: Enable SSH Port Forwarding in Web Admin Tool</t>
  </si>
  <si>
    <t>This rule verifies that AllowTcpForwarding parameter is set to yes.</t>
  </si>
  <si>
    <t>2.2.a Verify system configuration - Samba: Set Group Ownership of smb.conf File</t>
  </si>
  <si>
    <t>This rule verifies that /usr/local/samba/lib/smb.conf file is owned by root.</t>
  </si>
  <si>
    <t>2.2.a Verify system configuration - Samba: Set Group Ownership of smbpasswd File</t>
  </si>
  <si>
    <t>This rule verifies that /etc/sfw/private/smbpasswd file is group-owned by root.</t>
  </si>
  <si>
    <t>2.2.a Verify system configuration - Samba: Set Secure Permissions on smb.conf File</t>
  </si>
  <si>
    <t>This rule verifies that /usr/local/samba/lib/smb.conf file has permissions of 644.</t>
  </si>
  <si>
    <t>2.2.a Verify system configuration - Samba: Set Secure Permissions on smbpasswd File</t>
  </si>
  <si>
    <t>This rule verifies that /etc/sfw/private/smbpasswd file has permissions of 600.</t>
  </si>
  <si>
    <t>2.2.a Verify system configuration - Samba: Set Secure smb.conf File Options</t>
  </si>
  <si>
    <t>This rule verifies that /etc/samba/smb.conf file is owned and group-owned by root and has permissions of 644.</t>
  </si>
  <si>
    <t>2.2.a Verify system configuration - Save BitLocker recovery information - Fixed Drives</t>
  </si>
  <si>
    <t>2.2.a Verify system configuration - Save BitLocker recovery information - OS Drives</t>
  </si>
  <si>
    <t>2.2.a Verify system configuration - Save BitLocker recovery information - Removable drives</t>
  </si>
  <si>
    <t>2.2.a Verify system configuration - Scheduled install day</t>
  </si>
  <si>
    <t>2.2.a Verify system configuration - Screen saver executable name</t>
  </si>
  <si>
    <t>2.2.a Verify system configuration - Screen Saver timeout</t>
  </si>
  <si>
    <t>This rule verifies the timeout setting for screen saver.  The default setting for this rule is 900 seconds or less.</t>
  </si>
  <si>
    <t>This rule verifies that screen saver will be launched when the specified amount of time has passed since the last user action.</t>
  </si>
  <si>
    <t>2.2.a Verify system configuration - SeCEdit (1)</t>
  </si>
  <si>
    <t>This rule verifies that Users have read access of 'HKEY_LOCAL_MACHINE\SOFTWARE\Microsoft\Windows NT\CurrentVersion\SeCEdit' Key.</t>
  </si>
  <si>
    <t>2.2.a Verify system configuration - SeCEdit (2)</t>
  </si>
  <si>
    <t>This rule verifies that only Administrators and System have Full control of 'HKEY_LOCAL_MACHINE\SOFTWARE\Microsoft\Windows NT\CurrentVersion\SeCEdit' Key.</t>
  </si>
  <si>
    <t>2.2.a Verify system configuration - Secure the GRUB Menu</t>
  </si>
  <si>
    <t>This rule verifies that /boot/grub/menu.lst contains password parameter.</t>
  </si>
  <si>
    <t>2.2.a Verify system configuration - Security: Control Event Log behavior</t>
  </si>
  <si>
    <t>2.2.a Verify system configuration - Security: Maximum Log Size (KB)</t>
  </si>
  <si>
    <t>This rule verifies that the maximum size of the log file in kilobytes is 81920 KB or greater.</t>
  </si>
  <si>
    <t>This rule verifies that the maximum size of the log file in kilobytes is 196608 KB or greater.</t>
  </si>
  <si>
    <t>This rule verifies the maximum size of the Security log file in kilobytes.</t>
  </si>
  <si>
    <t>2.2.a Verify system configuration - Security: Retain old events</t>
  </si>
  <si>
    <t>This rule verifies the "wrapping" method for the Security. It is imperative that the logs be archived regularly if historical events are needed for either forensics or troubleshooting purposes. If events are overwritten as needed, the log will always store the most recent events—although this configuration could result in a loss of historical data.  The default setting for this rule is 0.</t>
  </si>
  <si>
    <t>2.2.a Verify system configuration - Select the encryption method</t>
  </si>
  <si>
    <t>This rule verifies that setting allows you to configure the algorithm and cipher strength used by BitLocker Drive Encryption. This policy setting is applied when you turn on BitLocker.</t>
  </si>
  <si>
    <t>2.2.a Verify system configuration - Select update server</t>
  </si>
  <si>
    <t>This rule verifies that setting allows you to specify the search server that Windows uses to find updates for device drivers.</t>
  </si>
  <si>
    <t>2.2.a Verify system configuration - Send unencrypted password to third-party SMB servers</t>
  </si>
  <si>
    <t>Requires all passwords be encrypted to third-party SMB Servers.  The default setting for this rule is Disabled.</t>
  </si>
  <si>
    <t>This rule verifies the setting for Send unencrypted password to third-party SMB servers.  If you enable this policy setting, the SMB redirector is allowed to send plaintext passwords to non-Microsoft SMB servers that do not support password encryption during authentication.  The default setting for this rule is Disabled.</t>
  </si>
  <si>
    <t>Disable this rule setting to prevent the SMB redirector from sending plaintext passwords during authentication to third-party SMB servers that do not support password encryption.   The default setting is Disabled.</t>
  </si>
  <si>
    <t>Disable this policy setting to prevent the SMB redirector from sending plaintext passwords during authentication to third-party SMB servers that do not support password encryption.</t>
  </si>
  <si>
    <t>2.2.a Verify system configuration - sendmail: Set Secure Logfile Ownership to the root User</t>
  </si>
  <si>
    <t>This rule verifies that /var/log/syslog file is owned by root.</t>
  </si>
  <si>
    <t>2.2.a Verify system configuration - sendmail: Set Secure Permissions on Log File</t>
  </si>
  <si>
    <t>This rule verifies that /var/log/syslog file has permissions of 644.</t>
  </si>
  <si>
    <t>2.2.a Verify system configuration - Server SPN target name validation level</t>
  </si>
  <si>
    <t>This rule verifies the level of validation a computer with shared folders or printers (the server) performs on the service principal name (SPN) that is provided by the client computer when it establishes a session using the server message block (SMB) protocol.</t>
  </si>
  <si>
    <t>2.2.a Verify system configuration - Service Pack Level</t>
  </si>
  <si>
    <t>This rule verifies that the service pack level is 2.</t>
  </si>
  <si>
    <t>2.2.a Verify system configuration - Set Boot Loader Password</t>
  </si>
  <si>
    <t>This rule verifies that a boot loader password is set.</t>
  </si>
  <si>
    <t>This rule verifies that boot loader password is set.</t>
  </si>
  <si>
    <t>2.2.a Verify system configuration - Set client connection encryption level</t>
  </si>
  <si>
    <t>This rule defines whether the computer that hosts a remote connection will enforce an encryption level for the connection. For all profiles, the recommended state for this setting is Enabled:High level.</t>
  </si>
  <si>
    <t>This rule setting specifies whether the computer that is about to host the remote connection will enforce an encryption level for all data sent between it and the client computer for the remote session.  The default setting is High Level.</t>
  </si>
  <si>
    <t>2.2.a Verify system configuration - Set daemon umask</t>
  </si>
  <si>
    <t>This rule verifies that CMASK parameter is set to 022.</t>
  </si>
  <si>
    <t>2.2.a Verify system configuration - Set Default File Creation Mask for FTP Users</t>
  </si>
  <si>
    <t>This rule verifies that ftp umask is set to 027.</t>
  </si>
  <si>
    <t>2.2.a Verify system configuration - Set Default Group for root Account</t>
  </si>
  <si>
    <t>This rule verifies that for root account GID is 0.</t>
  </si>
  <si>
    <t>This rule verifies that root account is has GID of 0.</t>
  </si>
  <si>
    <t>2.2.a Verify system configuration - Set Default umask for Users</t>
  </si>
  <si>
    <t>This rule verifies that below line exists in /etc/pam.d/common-session-pc file:    session optional pam_umask.so umask=0077</t>
  </si>
  <si>
    <t>This rule verifies that UMASK parameter is set to 077.</t>
  </si>
  <si>
    <t>2.2.a Verify system configuration - Set Default umask for users</t>
  </si>
  <si>
    <t>This rule verifies that UMASK parameter is set to 027.</t>
  </si>
  <si>
    <t>2.2.a Verify system configuration - Set Default umask for Users - /etc/bashrc</t>
  </si>
  <si>
    <t>This rule verifies that umask is set to 077 in /etc/bashrc file.</t>
  </si>
  <si>
    <t>2.2.a Verify system configuration - Set Default umask for Users - /etc/default/security</t>
  </si>
  <si>
    <t>The rule verifies that the user umask is 077.</t>
  </si>
  <si>
    <t>2.2.a Verify system configuration - Set Default umask for Users - /etc/profile</t>
  </si>
  <si>
    <t>This rule verifies that umask is set to 077 in /etc/profile file.</t>
  </si>
  <si>
    <t>2.2.a Verify system configuration - Set EEPROM Security Mode and Log Failed Access (SPARC)</t>
  </si>
  <si>
    <t>This rule verifies that below parameters are set:    security-mode &lt;&gt; none  ecurity-#badlogins = 0</t>
  </si>
  <si>
    <t>2.2.a Verify system configuration - Set GNOME Warning Banner</t>
  </si>
  <si>
    <t>2.2.a Verify system configuration - Set nodev option for /tmp Partition</t>
  </si>
  <si>
    <t>This rule verifies that for /tmp partition, 'nodev' option is set.</t>
  </si>
  <si>
    <t>2.2.a Verify system configuration - Set noexec option for /tmp Partition</t>
  </si>
  <si>
    <t>This rule verifies that for /tmp partition, 'noexec' option is set.</t>
  </si>
  <si>
    <t>2.2.a Verify system configuration - Set nosuid option for /tmp Partition</t>
  </si>
  <si>
    <t>This rule verifies that for /tmp partition, 'nosuid' option is set.</t>
  </si>
  <si>
    <t>2.2.a Verify system configuration - Set Permissions on /etc/grub.conf</t>
  </si>
  <si>
    <t>This rule verifies that permissions for /boot/grub/grub.conf file is 600.</t>
  </si>
  <si>
    <t>2.2.a Verify system configuration - Set Permissions on /etc/ssh/sshd_config</t>
  </si>
  <si>
    <t>2.2.a Verify system configuration - Set Permissions on bootloader config</t>
  </si>
  <si>
    <t>This rule verifies that /boot/grub/menu.lst file has permissions of 600.</t>
  </si>
  <si>
    <t>2.2.a Verify system configuration - Set Sticky Bit on All World-Writable Directories</t>
  </si>
  <si>
    <t>This rule verifies that sticky bit is set on all World-Writable Directories.    Note: This would check the directories only upto path / + 2.</t>
  </si>
  <si>
    <t>2.2.a Verify system configuration - Set the SELinux Policy</t>
  </si>
  <si>
    <t>This rule verifies that 'SELINUXTYPE' configuration parameter is set to 'targeted'.</t>
  </si>
  <si>
    <t>2.2.a Verify system configuration - Set the SELinux State</t>
  </si>
  <si>
    <t>This rule verifies that 'SELINUX' configuration parameter is set to 'enforcing'.</t>
  </si>
  <si>
    <t>2.2.a Verify system configuration - Set User/Group Owner and Permission on /etc/anacrontab</t>
  </si>
  <si>
    <t>This rule verifies that permissions and user and group ownerships for /etc/anacrontab file is 600 and root:root respectively.</t>
  </si>
  <si>
    <t>2.2.a Verify system configuration - Set User/Group Owner and Permission on /etc/cron.d</t>
  </si>
  <si>
    <t>This rule verifies that permissions and user and group ownerships for /etc/cron.d directory is 700 and root:root respectively.</t>
  </si>
  <si>
    <t>2.2.a Verify system configuration - Set User/Group Owner and Permission on /etc/cron.daily</t>
  </si>
  <si>
    <t>This rule verifies that permissions and user and group ownerships for /etc/cron.daily directory is 700 and root:root respectively.</t>
  </si>
  <si>
    <t>2.2.a Verify system configuration - Set User/Group Owner and Permission on /etc/cron.hourly</t>
  </si>
  <si>
    <t>This rule verifies that permissions and user and group ownerships for /etc/cron.hourly directory is 700 and root:root respectively.</t>
  </si>
  <si>
    <t>2.2.a Verify system configuration - Set User/Group Owner and Permission on /etc/cron.monthly</t>
  </si>
  <si>
    <t>This rule verifies that permissions and user and group ownerships for /etc/cron.monthly directory is 700 and root:root respectively.</t>
  </si>
  <si>
    <t>2.2.a Verify system configuration - Set User/Group Owner and Permission on /etc/cron.weekly</t>
  </si>
  <si>
    <t>This rule verifies that permissions and user and group ownerships for /etc/cron.weekly directory is 700 and root:root respectively.</t>
  </si>
  <si>
    <t>2.2.a Verify system configuration - Set User/Group Owner and Permission on /etc/crontab</t>
  </si>
  <si>
    <t>This rule verifies that permissions and user and group ownerships for /etc/crontab file is 600 and root:root respectively.</t>
  </si>
  <si>
    <t>2.2.a Verify system configuration - Set User/Group Owner on /etc/grub.conf</t>
  </si>
  <si>
    <t>This rule verifies that user and group ownership for /boot/grub/grub.conf file is set to root.</t>
  </si>
  <si>
    <t>2.2.a Verify system configuration - Set User/Group Owner on bootloader config</t>
  </si>
  <si>
    <t>This rule verifies that /boot/grub/menu.lst file is owned and group-owned by root.</t>
  </si>
  <si>
    <t>2.2.a Verify system configuration - Set Warning Banner for Standard Login Services</t>
  </si>
  <si>
    <t>This rule verifies that file permissions and user and group ownerships are 644 and root:root respectively for below files:    /etc/motd  /etc/issue  /etc/issue.net</t>
  </si>
  <si>
    <t>2.2.a Verify system configuration - Shares that can be accessed anonymously</t>
  </si>
  <si>
    <t>Access Control Lists restrict access to published network shares hosted by a server. Shares can be published to the Everyone group, but this does not include the unauthenticated null user. Adding specific shares to this list grants access to the unauthenticated user. Note that NTFS permissions on the share still apply. In order for this setting to take effect, you must enable 3.2.1.47, Network Access: Restrict anonymous access to Named Pipes and Shares.  The default setting for this rule is None.</t>
  </si>
  <si>
    <t>This rule setting determines which network shares can be accessed by anonymous users. The default configuration for this setting has little impact, because all users must be authenticated before they can access shared resources on the server.  The default setting is None.</t>
  </si>
  <si>
    <t>This rule verifies which network shares can be accessed by anonymous users. The default configuration for this policy setting has little effect because all users have to be authenticated before they can access shared resources on the server.</t>
  </si>
  <si>
    <t>2.2.a Verify system configuration - Sharing and security model for local accounts</t>
  </si>
  <si>
    <t>Remote users often must present logon credentials to the workstation to gain access. Occasionally, they may present credentials for a local account on the workstation. In the Classic security model, even though a remote user is using local credentials, they still gain access based on restrictions for the local account. However, the Guest Only model remaps the remote user to the guest account, so they will only be able to access resources available to guests.  The default setting for this rule is Classic.</t>
  </si>
  <si>
    <t>This rule verifies how network logons that use local accounts are authenticated. The Classic configuration allows fine control over access to resources, and allows you to provide different types of access to different users for the same resource. The Guest only setting allows you to treat all users equally. In this context, all users authenticate as Guest only to receive the same access level to a given resource.  The default setting for this rule is Classic.</t>
  </si>
  <si>
    <t>This rule verifies how network logons that use local accounts are authenticated. The Classic option allows precise control over access to resources, including the ability to assign different types of access to different users for the same resource. The Guest only option allows you to treat all users equally. In this context, all users authenticate as Guest only to receive the same access level to a given resource.</t>
  </si>
  <si>
    <t>2.2.a Verify system configuration - Shut down system immediately if unable to log security audits</t>
  </si>
  <si>
    <t>This rule verifies that the system will shut down if it is unable to log a security event to the Security Event log. For all profiles, the recommended state for this setting is Disabled.</t>
  </si>
  <si>
    <t>This rule setting determines whether the system shuts down if it is unable to log Security events. It is a requirement for Trusted Computer System Evaluation Criteria (TCSEC)-C2 and Common Criteria certification to prevent auditable events from occurring if the audit system is unable to log them. Microsoft has chosen to meet this requirement by halting the system and displaying a stop message if the auditing system experiences a failure. When this policy setting is enabled, the system will be shut down if a security audit cannot be logged for any reason.  If the Audit: Shut down system immediately if unable to log security audits setting is enabled, unplanned system failures can occur.   The default setting is Disabled.</t>
  </si>
  <si>
    <t>This rule verifies whether the system shuts down if it is unable to log Security events.</t>
  </si>
  <si>
    <t>2.2.a Verify system configuration - Shut down the system</t>
  </si>
  <si>
    <t>This rule verifies that 'Shut down the system' user right is assigned only to administrators and users.</t>
  </si>
  <si>
    <t>2.2.a Verify system configuration - Shutdown: Allow system to be shut down without having to log on</t>
  </si>
  <si>
    <t>Some systems run critical processes and should only be shut down by authorized users. Occasionally, special processes could be evoked during system startup, sometimes even trojaned processes. In environments where abnormal system reboots could cause problems, require a logon prior to reboot.  The default setting for this rule is Disabled.</t>
  </si>
  <si>
    <t>This rule verifies whether a computer can be shut down by a user who is not required to log on to the Windows operating system. Users who can access the console could shut down the computer. An attacker or misguided user could connect to the server through Terminal Services and shut it down or restart it without having to identify themselves.  The default setting for this rule is Disabled.</t>
  </si>
  <si>
    <t>This rule verifies whether a computer can be shut down when a user is not logged on. If this policy setting is enabled, the shutdown command is available on the Windows logon screen. It is recommended to disable this policy setting to restrict the ability to shut down the computer to users with credentials on the system.</t>
  </si>
  <si>
    <t>2.2.a Verify system configuration - Shutdown: Clear virtual memory pagefile</t>
  </si>
  <si>
    <t>This rule verifies whether the virtual memory page file is cleared when the computer is shut down. When this rule setting is enabled, it causes the system page file to be cleared each time that the computer shuts down gracefully. If you enable this policy setting, the hibernation file (Hiberfil.sys) is also zeroed out when hibernation is disabled on a portable computer. Server shutdowns and restarts will take longer and will be especially noticeable on servers with large page files.  The default setting for this rule is Disabled.</t>
  </si>
  <si>
    <t>This rule verifies whether the virtual memory pagefile is cleared when the system is shut down. When this policy setting is enabled, the system pagefile is cleared each time that the system shuts down properly. If you enable this security setting, the hibernation file (Hiberfil.sys) is zeroed out when hibernation is disabled on a portable computer system. It will take longer to shut down and restart the computer, and will be especially noticeable on computers with large paging files.</t>
  </si>
  <si>
    <t>2.2.a Verify system configuration - Smart card removal behavior</t>
  </si>
  <si>
    <t>This rule verifies that the Smart Card removal option is set to Lock Workstation (minimum requirement) or Force Logoff.  When users authenticate with smart cards, the system can be set to lock or log out the user when the smart card is removed. Any setting other than No Action is acceptable.</t>
  </si>
  <si>
    <t>This rule verifies what happens when the smart card for a logged-on user is removed from the smart card reader. If you configure this setting to Lock Workstation, the workstation is locked when the smart card is removed, which allows users to leave the area and take their smart cards with them. If you configure this setting to Force Logoff, the user is automatically logged off when the smart card is removed.  The default setting for this rule is Lock Workstation.</t>
  </si>
  <si>
    <t>This rule setting determines what happens when the smart card for a logged on user is removed from the smart card reader. When configured to Lock Workstation, this rule setting locks the workstation when the smart card is removed, which allows users to leave the area, take their smart cards with them, and automatically lock their workstations. If you configure this rule setting to Force Logoff, users will be automatically logged off when the smart card is removed.  The default setting is Lock Workstation.</t>
  </si>
  <si>
    <t>This rule verifies what happens when the smart card for a logged-on user is removed from the smart card reader.</t>
  </si>
  <si>
    <t>2.2.a Verify system configuration - SNMP - PermittedManagers</t>
  </si>
  <si>
    <t>This rule verifies that only Administrators, System, and Creator Owner have Full control of 'HKEY_LOCAL_MACHINE\System\CurrentControlSet\Services\SNMP\Parameters\PermittedManagers' Key.</t>
  </si>
  <si>
    <t>2.2.a Verify system configuration - SNMP - ValidCommunities</t>
  </si>
  <si>
    <t>This rule verifies that only Administrators, System, and Creator Owner have Full control of 'HKEY_LOCAL_MACHINE\SYSTEM\CurrentControlSet\Services\SNMP\Parameters\ValidCommunities' Key.</t>
  </si>
  <si>
    <t>2.2.a Verify system configuration - Stop generating 8.3 filenames</t>
  </si>
  <si>
    <t>This rule verifies whether a computer can stop generating 8.3 style file names.. The 8.3 file name convention is a format that only allows file names of eight characters or less.  The default setting is Enabled.</t>
  </si>
  <si>
    <t>2.2.a Verify system configuration - Store BitLocker recovery information to AD DS - Fixed Drives</t>
  </si>
  <si>
    <t>2.2.a Verify system configuration - Store BitLocker recovery information to AD DS - OS Drives</t>
  </si>
  <si>
    <t>2.2.a Verify system configuration - Store BitLocker recovery information to AD DS - Removable Drives</t>
  </si>
  <si>
    <t>2.2.a Verify system configuration - Store passwords using reversible encryption</t>
  </si>
  <si>
    <t>This rule verifies whether the operating system stores passwords in a way that uses reversible encryption, which provides support for application protocols that require knowledge of the user's password for authentication purposes.  The default setting is disabled.</t>
  </si>
  <si>
    <t>2.2.a Verify system configuration - Strengthen default permissions of internal system objects</t>
  </si>
  <si>
    <t>This setting actually digs deep into the operating system behavior and should be left at the default setting (Enabled) unless explicitly required.  Internal system objects? are shared physical and logical resources such as semaphores and DOS device name; the objects all are created with access control lists (ACLs). When enabled, the ACL allows other non-administrative system processes to query internal system objects, but will not allow them to modify them. The default setting for this rule is Enabled.</t>
  </si>
  <si>
    <t>This rule verifies the strength of the default discretionary access control list (DACL) for objects, and helps secure objects that can be located and shared among processes. To strengthen the DACL you can use the default value of Enabled, which it allows users who are not administrators to read shared objects but not to modify any that they did not create.  The default setting for this rule is Enabled.</t>
  </si>
  <si>
    <t>This rule setting determines the strength of the default discretionary access control list (DACL) for objects. The setting helps secure objects that can be located and shared among processes and its default configuration strengthens the DACL, because it allows users who are not administrators to read shared objects but does not allow them to modify any that they did not create.  The default setting is Enabled.</t>
  </si>
  <si>
    <t>This rule verifies the strength of the default discretionary access control list (DACL) for objects. The setting helps secure objects that can be located and shared among processes and its default configuration strengthens the DACL, because it allows users who are not administrators to read shared objects but does not allow them to modify any that they did not create.</t>
  </si>
  <si>
    <t>2.2.a Verify system configuration - Switch to the secure desktop when prompting for elevation</t>
  </si>
  <si>
    <t>This verifies that whether the UAC elevation prompt is displayed on the secure desktop. For all profiles, the recommended state for this setting is Enabled.</t>
  </si>
  <si>
    <t>This rule setting helps protect the computer and user from malicious use of the elevation prompt. The Windows 7 secure desktop can only run SYSTEM processes, which generally eliminates messages from malicious software. As a result, consent and credential prompts generally cannot be input spoofed on the secure desktop. In addition, the consent prompt is protected from output spoofing. There is still a risk when using the credential prompt because malware may be able to spoof this. This rule setting has two values:  1. Enabled. Using this value displays the UAC elevation prompt on the secure desktop.   2. Disabled. Using this value causes the UAC elevation prompt to display on the user desktop.  The default setting is Enabled.</t>
  </si>
  <si>
    <t>This rule verifies whether the elevation request prompt is displayed on the interactive user's desktop or the secure desktop.</t>
  </si>
  <si>
    <t>2.2.a Verify system configuration - SYN-ACK retransmissions</t>
  </si>
  <si>
    <t>In a typical TCP handshake, the client begins the transmission by sending a single SYN packet to the server; the server responds with a SYN-ACK packet, and the client completes the handshake with an ACK packet. In some cases, the client does not respond to the server’s SYN-ACK packet. This setting defines how many times the server resends the SYN-ACK packet. The server waits 3 seconds after the initial packet is sent, then doubles the wait time after each successive packet. With this set to 3, the server sends the packet, waits 3 seconds, resends, waits 6 seconds, resends and waits 12 seconds before finally abandoning the connection after 3 + 6 + 12 = 21 seconds. If this setting is set to zero, the server will wait three seconds for the client’s ACK packet, and then abandon the connection without resending the SYN-ACK packet.  The default setting for this rule is "3 &amp; 6 seconds, half-open connections dropped after 21 seconds".</t>
  </si>
  <si>
    <t>2.2.a Verify system configuration - Synchronize directory service data</t>
  </si>
  <si>
    <t>This rule verifies that 'Synchronize directory service data' user right is not assigned to any user.</t>
  </si>
  <si>
    <t>2.2.a Verify system configuration - System: Control Event Log behavior</t>
  </si>
  <si>
    <t>2.2.a Verify system configuration - System: Maximum Log Size (KB)</t>
  </si>
  <si>
    <t>This rule verifies the maximum size of the System log file in kilobytes.</t>
  </si>
  <si>
    <t>2.2.a Verify system configuration - System: Retain old events</t>
  </si>
  <si>
    <t>This rule verifies the "wrapping" method for the System. It is imperative that the logs be archived regularly if historical events are needed for either forensics or troubleshooting purposes. If events are overwritten as needed, the log will always store the most recent events—although this configuration could result in a loss of historical data.  The default setting for this rule is 0.</t>
  </si>
  <si>
    <t>2.2.a Verify system configuration - Take ownership of files or other objects</t>
  </si>
  <si>
    <t>This rule verifies that 'Take ownership of files or other objects' user right is assigned only to administrators.</t>
  </si>
  <si>
    <t>2.2.a Verify system configuration - TCP/IP Tuning - bcastping</t>
  </si>
  <si>
    <t>This rule verifies that bcastping kernel parameter is set to 0.</t>
  </si>
  <si>
    <t>2.2.a Verify system configuration - TCP/IP Tuning - clean_partial_conns</t>
  </si>
  <si>
    <t>This rule verifies that clean_partial_conns kernel parameter is set to 1.</t>
  </si>
  <si>
    <t>2.2.a Verify system configuration - TCP/IP Tuning - directed_broadcast</t>
  </si>
  <si>
    <t>This rule verifies that directed_broadcast kernel parameter is set to 0.</t>
  </si>
  <si>
    <t>2.2.a Verify system configuration - TCP/IP Tuning - icmpaddressmask</t>
  </si>
  <si>
    <t>This rule verifies that icmpaddressmask kernel parameter is set to 0.</t>
  </si>
  <si>
    <t>2.2.a Verify system configuration - TCP/IP Tuning - ip6srcrouteforward</t>
  </si>
  <si>
    <t>This rule verifies that ip6srcrouteforward kernel parameter is set to 0.</t>
  </si>
  <si>
    <t>2.2.a Verify system configuration - TCP/IP Tuning - ipforwarding</t>
  </si>
  <si>
    <t>This rule verifies that ipforwarding kernel parameter is set to 0.</t>
  </si>
  <si>
    <t>2.2.a Verify system configuration - TCP/IP Tuning - ipignoreredirects</t>
  </si>
  <si>
    <t>This rule verifies that ipignoreredirects kernel parameter is set to 1.</t>
  </si>
  <si>
    <t>2.2.a Verify system configuration - TCP/IP Tuning - ipsendredirects</t>
  </si>
  <si>
    <t>This rule verifies that ipsendredirects kernel parameter is set to 0.</t>
  </si>
  <si>
    <t>2.2.a Verify system configuration - TCP/IP Tuning - ipsrcrouteforward</t>
  </si>
  <si>
    <t>This rule verifies that ipsrcrouteforward kernel parameter is set to 0.</t>
  </si>
  <si>
    <t>2.2.a Verify system configuration - TCP/IP Tuning - ipsrcrouterecv</t>
  </si>
  <si>
    <t>This rule verifies that ipsrcrouterecv kernel parameter is set to 0.</t>
  </si>
  <si>
    <t>2.2.a Verify system configuration - TCP/IP Tuning - ipsrcroutesend</t>
  </si>
  <si>
    <t>This rule verifies that ipsrcroutesend kernel parameter is set to 0.</t>
  </si>
  <si>
    <t>2.2.a Verify system configuration - TCP/IP Tuning - nfs_use_reserved_ports</t>
  </si>
  <si>
    <t>This rule verifies that nfs_use_reserved_ports kernel parameter is set to 1.</t>
  </si>
  <si>
    <t>2.2.a Verify system configuration - TCP/IP Tuning - nfs_use_reserved_ports - 1</t>
  </si>
  <si>
    <t>2.2.a Verify system configuration - TCP/IP Tuning - nfs_use_reserved_ports - 2</t>
  </si>
  <si>
    <t>This rule verifies that portcheck kernel parameter is set to 1.</t>
  </si>
  <si>
    <t>2.2.a Verify system configuration - TCP/IP Tuning - nonlocsrcroute</t>
  </si>
  <si>
    <t>This rule verifies that nonlocsrcroute kernel parameter is set to 0.</t>
  </si>
  <si>
    <t>2.2.a Verify system configuration - TCP/IP Tuning - portcheck</t>
  </si>
  <si>
    <t>2.2.a Verify system configuration - TCP/IP Tuning - rfc1323</t>
  </si>
  <si>
    <t>This rule verifies that rfc1323 kernel parameter is set to 1.</t>
  </si>
  <si>
    <t>2.2.a Verify system configuration - TCP/IP Tuning - sockthresh</t>
  </si>
  <si>
    <t>This rule verifies that sockthresh kernel parameter is set to 60.</t>
  </si>
  <si>
    <t>2.2.a Verify system configuration - TCP/IP Tuning - tcp_mssdflt</t>
  </si>
  <si>
    <t>This rule verifies that tcp_mssdflt kernel parameter is set to 1448.</t>
  </si>
  <si>
    <t>2.2.a Verify system configuration - TCP/IP Tuning - tcp_pmtu_discover</t>
  </si>
  <si>
    <t>This rule verifies that tcp_pmtu_discover kernel parameter is set to 0.</t>
  </si>
  <si>
    <t>2.2.a Verify system configuration - TCP/IP Tuning - tcp_recvspace</t>
  </si>
  <si>
    <t>This rule verifies that tcp_recvspace kernel parameter is set to 262144.</t>
  </si>
  <si>
    <t>2.2.a Verify system configuration - TCP/IP Tuning - tcp_sendspace</t>
  </si>
  <si>
    <t>This rule verifies that tcp_sendspace kernel parameter is set to 262144.</t>
  </si>
  <si>
    <t>2.2.a Verify system configuration - TCP/IP Tuning - tcp_tcpsecure</t>
  </si>
  <si>
    <t>This rule verifies that tcp_tcpsecure kernel parameter is set to 7.</t>
  </si>
  <si>
    <t>2.2.a Verify system configuration - TCP/IP Tuning - udp_pmtu_discover</t>
  </si>
  <si>
    <t>This rule verifies that udp_pmtu_discover kernel parameter is set to 0.</t>
  </si>
  <si>
    <t>2.2.a Verify system configuration - The /etc/group file must be group-owned by root</t>
  </si>
  <si>
    <t>This rule verifies that /etc/group file is group-owned by root.</t>
  </si>
  <si>
    <t>2.2.a Verify system configuration - The /etc/group file must be owned by root</t>
  </si>
  <si>
    <t>This rule verifies that /etc/group file is owned by root.</t>
  </si>
  <si>
    <t>2.2.a Verify system configuration - The /etc/group file must have mode 0644 or less permissive</t>
  </si>
  <si>
    <t>This rule verifies that /etc/group file permissions are 644.</t>
  </si>
  <si>
    <t>2.2.a Verify system configuration - The /etc/gshadow file must be group-owned by root</t>
  </si>
  <si>
    <t>This rule verifies that /etc/gshadow file is group-owned by root.</t>
  </si>
  <si>
    <t>2.2.a Verify system configuration - The /etc/gshadow file must be owned by root</t>
  </si>
  <si>
    <t>This rule verifies that /etc/gshadow file is owned by root.</t>
  </si>
  <si>
    <t>2.2.a Verify system configuration - The /etc/gshadow file must have mode 0000</t>
  </si>
  <si>
    <t>This rule verifies that /etc/gshadow file permissions are 0.</t>
  </si>
  <si>
    <t>2.2.a Verify system configuration - The /etc/passwd file must be group-owned by root</t>
  </si>
  <si>
    <t>This rule verifies that /etc/passwd file is group-owned by root.</t>
  </si>
  <si>
    <t>2.2.a Verify system configuration - The /etc/passwd file must be owned by root</t>
  </si>
  <si>
    <t>This rule verifies that /etc/passwd file is owned by root.</t>
  </si>
  <si>
    <t>2.2.a Verify system configuration - The /etc/passwd file must have mode 0644 or less permissive</t>
  </si>
  <si>
    <t>This rule verifies that /etc/passwd file permissions are 644.</t>
  </si>
  <si>
    <t>2.2.a Verify system configuration - The /etc/passwd file must not contain password hashes</t>
  </si>
  <si>
    <t>This rule verifies that passwords are shadowed.</t>
  </si>
  <si>
    <t>2.2.a Verify system configuration - The /etc/shadow file must be group-owned by root</t>
  </si>
  <si>
    <t>This rule verifies that /etc/shadow file is group-owned by root.</t>
  </si>
  <si>
    <t>2.2.a Verify system configuration - The /etc/shadow file must be owned by root</t>
  </si>
  <si>
    <t>This rule verifies that /etc/shadow file is owned by root.</t>
  </si>
  <si>
    <t>2.2.a Verify system configuration - The /etc/shadow file must have mode 0000</t>
  </si>
  <si>
    <t>This rule verifies that /etc/shadow file permissions are 0.</t>
  </si>
  <si>
    <t>2.2.a Verify system configuration - The Bluetooth kernel module must be disabled - 1</t>
  </si>
  <si>
    <t>This rule verifies that the below line exists in /etc/modprobe.conf file:    install net-pf-31 /bin/false</t>
  </si>
  <si>
    <t>2.2.a Verify system configuration - The Bluetooth kernel module must be disabled - 2</t>
  </si>
  <si>
    <t>This rule verifies that the below line exists in /etc/modprobe.conf file:    install bluetooth /bin/false</t>
  </si>
  <si>
    <t>2.2.a Verify system configuration - The IPv6 protocol handler must not be bound to the network stack</t>
  </si>
  <si>
    <t>This rule verifies that the below exists in any file under /etc/modprobe.d directory:    options ipv6 disable=1</t>
  </si>
  <si>
    <t>2.2.a Verify system configuration - The mail system must forward all mail for root to administrators</t>
  </si>
  <si>
    <t>This rule verifies that there is an alias defined for root.</t>
  </si>
  <si>
    <t>2.2.a Verify system configuration - The NFS server must not have the all_squash option enabled</t>
  </si>
  <si>
    <t>This rule verifies that all_squash is not an export option.</t>
  </si>
  <si>
    <t>2.2.a Verify system configuration - The NFS server must not have the insecure file locking option</t>
  </si>
  <si>
    <t>This rule verifies that the Linux NFS Server does not have the insecure file locking option.</t>
  </si>
  <si>
    <t>2.2.a Verify system configuration - The system boot loader must require authentication</t>
  </si>
  <si>
    <t>2.2.a Verify system configuration - The system default umask for daemons must be 027 or 022</t>
  </si>
  <si>
    <t>This rule verifies that 'umask' parameter is set to 027 or 022.</t>
  </si>
  <si>
    <t>2.2.a Verify system configuration - The system default umask for the bash shell must be 077</t>
  </si>
  <si>
    <t>2.2.a Verify system configuration - The system default umask for the csh shell must be 077</t>
  </si>
  <si>
    <t>This rule verifies that umask is set to 077 in /etc/csh.cshrc file.</t>
  </si>
  <si>
    <t>2.2.a Verify system configuration - The system default umask in /etc/login.defs must be 077</t>
  </si>
  <si>
    <t>This rule verifies that umask is set to 077.</t>
  </si>
  <si>
    <t>2.2.a Verify system configuration - The system default umask in /etc/profile must be 077</t>
  </si>
  <si>
    <t>2.2.a Verify system configuration - The system must allow locking of graphical desktop sessions</t>
  </si>
  <si>
    <t>This rule verifies that 'screensaver' parameter is set to '&lt;Control&gt;&lt;Alt&gt;l'.</t>
  </si>
  <si>
    <t>2.2.a Verify system configuration - The system must allow locking of the console screen in text mode</t>
  </si>
  <si>
    <t>This rule verifies that "screen" package is installed.</t>
  </si>
  <si>
    <t>2.2.a Verify system configuration - The system must be configured to use TCP syncookies</t>
  </si>
  <si>
    <t>2.2.a Verify system configuration - The system must display a publicly-viewable pattern</t>
  </si>
  <si>
    <t>This rule verifies that 'mode' parameter is set to 'blank-only'.</t>
  </si>
  <si>
    <t>2.2.a Verify system configuration - The system must ignore ICMPv4 bogus error responses</t>
  </si>
  <si>
    <t>2.2.a Verify system configuration - The system must ignore ICMPv6 redirects by default</t>
  </si>
  <si>
    <t>This rule verifies that the net.ipv6.conf.default.accept_redirects kernel parameters is set to 0.</t>
  </si>
  <si>
    <t>2.2.a Verify system configuration - The system must ignore IPv4 ICMP redirect messages</t>
  </si>
  <si>
    <t>This rule verifies that net.ipv4.conf.default.accept_redirects kernel parameter is set to 0.</t>
  </si>
  <si>
    <t>2.2.a Verify system configuration - The system must implement virtual address space randomization</t>
  </si>
  <si>
    <t>2.2.a Verify system configuration - The system must limit users to 10 simultaneous system logins</t>
  </si>
  <si>
    <t>This rule verifies that maxlogins parameter is set to 10.</t>
  </si>
  <si>
    <t>2.2.a Verify system configuration - The system must log Martian packets</t>
  </si>
  <si>
    <t>This rule verifies that the net.ipv4.conf.all.log_martians kernel parameter is set to 1.</t>
  </si>
  <si>
    <t>2.2.a Verify system configuration - The system must not accept IPv4 source-routed packets by default</t>
  </si>
  <si>
    <t>This rule verifies that the net.ipv4.conf.default.accept_source_route kernel parameter is set to 0.</t>
  </si>
  <si>
    <t>2.2.a Verify system configuration - The system must not permit interactive boot</t>
  </si>
  <si>
    <t>This rule verifies that 'PROMPT' parameter is set to no.</t>
  </si>
  <si>
    <t>2.2.a Verify system configuration - The system must not send ICMPv4 redirects by default</t>
  </si>
  <si>
    <t>This rule verifies that the net.ipv4.conf.default.send_redirects kernel parameter is set to 0.</t>
  </si>
  <si>
    <t>2.2.a Verify system configuration - The system must not send ICMPv4 redirects from any interface</t>
  </si>
  <si>
    <t>This rule verifies that the net.ipv4.conf.all.send_redirects kernel parameter is set to 0.</t>
  </si>
  <si>
    <t>2.2.a Verify system configuration - The system must provide VPN connectivity</t>
  </si>
  <si>
    <t>This rule verifies that openswan package is installed.</t>
  </si>
  <si>
    <t>2.2.a Verify system configuration - The system must require at least four characters be changed</t>
  </si>
  <si>
    <t>This rule verifies that 'difok' parameter is set to 4.</t>
  </si>
  <si>
    <t>2.2.a Verify system configuration - The system must use a reverse-path filter for IPv4 network - all</t>
  </si>
  <si>
    <t>This rule verifies that the net.ipv4.conf.all.rp_filter kernel parameter is set to 1.</t>
  </si>
  <si>
    <t>2.2.a Verify system configuration - The system must use a separate file system for /tmp</t>
  </si>
  <si>
    <t>This rule verifies that /tmp mount point exists.</t>
  </si>
  <si>
    <t>2.2.a Verify system configuration - The system must use a separate file system for /var</t>
  </si>
  <si>
    <t>This rule verifies that /var mount point exists.</t>
  </si>
  <si>
    <t>2.2.a Verify system configuration - The system must use a separate file system for /var/log</t>
  </si>
  <si>
    <t>This rule verifies that /var/log mount point exists.</t>
  </si>
  <si>
    <t>2.2.a Verify system configuration - The system must use a separate file system for home directories</t>
  </si>
  <si>
    <t>This rule verifies that /home mount point exists.</t>
  </si>
  <si>
    <t>2.2.a Verify system configuration - The system must use SMB client signing - 1</t>
  </si>
  <si>
    <t>This rule verifies that 'client signing' configuration parameter is set to 'mandatory'.</t>
  </si>
  <si>
    <t>2.2.a Verify system configuration - The system must use SMB client signing - 2</t>
  </si>
  <si>
    <t>This rule verifies that for file system type cifs, mount options are in "krb5i" or "ntlmv2i".</t>
  </si>
  <si>
    <t>2.2.a Verify system configuration - The x86 Ctrl-Alt-Delete key sequence must be disabled</t>
  </si>
  <si>
    <t>This rule verifies that below line does not exist:    exec /sbin/shutdown -r now "Control-Alt-Delete pressed"</t>
  </si>
  <si>
    <t>2.2.a Verify system configuration - TPM Minimum characters</t>
  </si>
  <si>
    <t>This rule verifies that setting allows you to configure a minimum length for a Trusted Platform Module (TPM) startup PIN. This policy setting is applied when you turn on BitLocker. The startup PIN must have a minimum length of 4 digits and can have a maximum length of 20 digits.</t>
  </si>
  <si>
    <t>2.2.a Verify system configuration - Turn off Autoplay</t>
  </si>
  <si>
    <t>Autoplay starts to read from a drive as soon as you insert media in the drive, which causes the setup file for programs or audio media to start immediately. An attacker could use this feature to launch a program to damage the computer or data on the computer. You can enable the Turn off Autoplay setting to disable the Autoplay feature.  The default setting is Enabled:All drives.</t>
  </si>
  <si>
    <t>Autoplay starts to read from a drive as soon as you insert media in the drive, which causes the setup file for programs or audio media to start immediately.</t>
  </si>
  <si>
    <t>2.2.a Verify system configuration - Turn off Data Execution Prevention for Explorer</t>
  </si>
  <si>
    <t>This rule verifies if Data Execute Prevention (DEP) is enabled or disabled for the explorer process. The default setting for this rule is disabled.</t>
  </si>
  <si>
    <t>Disabling data execution prevention can allow certain legacy plug-in applications to function without terminating Explorer.</t>
  </si>
  <si>
    <t>2.2.a Verify system configuration - Turn off downloading of print drivers over HTTP</t>
  </si>
  <si>
    <t>This rule defines whether the computer can download print driver packages over HTTP. For all profiles, the recommended state for this setting is Enabled.</t>
  </si>
  <si>
    <t>This rule setting controls whether the computer can download print driver packages over HTTP. To set up HTTP printing, printer drivers that are not available in the standard operating system installation might need to be downloaded over HTTP.  The Turn off downloading of print drivers over HTTP setting is configured to Enabled to prevent print drivers from being downloaded over HTTP.  The default setting is Enabled.</t>
  </si>
  <si>
    <t>This rule verifies whether the computer can download print driver packages over HTTP.</t>
  </si>
  <si>
    <t>2.2.a Verify system configuration - Turn off Internet download</t>
  </si>
  <si>
    <t>This rule defines whether Windows will download a list of providers for the Web publishing and online ordering wizards. For all profiles, the recommended state for this setting is Enabled.</t>
  </si>
  <si>
    <t>This rule setting controls whether Windows will download a list of providers for the Web publishing and online ordering wizards. If this rule setting is enabled, Windows is prevented from downloading providers; only the service providers cached in the local registry will display.  Because the Turn off “Publish to Web” task for files and folders setting was enabled for both the EC and SSLF environments (see the previous setting), this option is not needed.  However, the Turn off Internet download for Web publishing and online ordering wizards setting is configured to Enabled to minimize the attack surface of client computers and to ensure that this capability cannot be exploited in other ways.  The default setting is Enabled.</t>
  </si>
  <si>
    <t>This rule verifies whether Windows will download a list of providers for the Web publishing and online ordering wizards.</t>
  </si>
  <si>
    <t>2.2.a Verify system configuration - Turn off printing over HTTP</t>
  </si>
  <si>
    <t>This rule defines whether a client computer is allowed to print over HTTP. For all profiles, the recommended state for this setting is Enabled.</t>
  </si>
  <si>
    <t>This rule setting allows you to disable the client computer’s ability to print over HTTP, which allows the computer to print to printers on the intranet as well as the Internet. If you enable this rule setting, the client computer will not be able to print to Internet printers over HTTP.  The default setting is Enabled.</t>
  </si>
  <si>
    <t>This rule verifies that setting allows you to disable the client computer's ability to print over HTTP, which allows the computer to print to printers on the intranet as well as the Internet.</t>
  </si>
  <si>
    <t>2.2.a Verify system configuration - Turn off Search Companion content file updates</t>
  </si>
  <si>
    <t>This rule defines whether Search Companion should automatically download content updates during local and Internet searches. For all profiles, the recommended state for this setting is Enabled.</t>
  </si>
  <si>
    <t>This rule setting specifies whether Search Companion should automatically download content updates during local and Internet searches. If you configure this rule setting to Enabled, you prevent Search Companion from downloading content updates during searches. The default setting is Enabled.</t>
  </si>
  <si>
    <t>This rule verifies whether Search Companion should automatically download content updates during local and Internet searches.</t>
  </si>
  <si>
    <t>2.2.a Verify system configuration - Turn off the "Publish to Web" task for files and folders</t>
  </si>
  <si>
    <t>This rule defines whether to make the tasks for publishing files, folders and selected items to web available from File and Folder Tasks in Window folders. For all profiles, the recommended state for this setting is Enabled.</t>
  </si>
  <si>
    <t>This rule setting specifies whether the tasks Publish this file to the Web, Publish this folder to the Web, and Publish the selected items to the Web are available from File and Folder Tasks in Windows folders. The Web Publishing wizard is used to download a list of providers and allow users to publish content to the Web.  If you configure the Turn off the "Publish to Web" task for files and folders setting to Enabled, these options are removed from the File and Folder tasks in Windows folders.  The default setting is Enabled.</t>
  </si>
  <si>
    <t>This rule verifies whether the tasks Publish this file to the Web, Publish this folder to the Web, and Publish the selected items to the Web are available from File and Folder Tasks in Windows folders.</t>
  </si>
  <si>
    <t>2.2.a Verify system configuration - Turn off the Customer Experience Improvement Program</t>
  </si>
  <si>
    <t>This rule defines whether Windows Messenger will collect and send anonymous information on Windows Messenger usage. For all profiles, the recommended state for this setting is Enabled.</t>
  </si>
  <si>
    <t>This rule setting specifies whether Windows Messenger can collect anonymous information about how the Windows Messenger software and service is used. You can enable this rule setting to ensure that Windows Messenger does not collect usage information and to prevent display of the user settings that enable the collection of usage information.  The default setting is Enabled.</t>
  </si>
  <si>
    <t>This rule verifies whether Windows Messenger can collect anonymous information about how the Windows Messenger software and service is used.</t>
  </si>
  <si>
    <t>2.2.a Verify system configuration - Turn off Windows Update device driver searching</t>
  </si>
  <si>
    <t>This rule verifies whether Windows will search Windows Update for device drivers when no local drivers for a device are present.</t>
  </si>
  <si>
    <t>2.2.a Verify system configuration - Turn on PIN sign-in</t>
  </si>
  <si>
    <t>This rule verifies that setting allows you to control whether a domain user can sign in using a PIN.</t>
  </si>
  <si>
    <t>2.2.a Verify system configuration - Use a FIPS 140-2 approved cryptographic hashing algorithm - 1</t>
  </si>
  <si>
    <t>This rule verifies that hash algorithm is set to sha512.</t>
  </si>
  <si>
    <t>2.2.a Verify system configuration - Use a FIPS 140-2 approved cryptographic hashing algorithm - 2</t>
  </si>
  <si>
    <t>This rule verifies that encrypt method is set to sha512.</t>
  </si>
  <si>
    <t>2.2.a Verify system configuration - Use a FIPS 140-2 approved cryptographic hashing algorithm - 3</t>
  </si>
  <si>
    <t>This rule verifies that 'crypt_style' parameter is set to 'sha512'.</t>
  </si>
  <si>
    <t>2.2.a Verify system configuration - Use a reverse-path filter for IPv4 network - default</t>
  </si>
  <si>
    <t>This rule verifies that the net.ipv4.conf.default.rp_filter kernel parameter is set to 1.</t>
  </si>
  <si>
    <t>2.2.a Verify system configuration - Use a TLS connection for LDAP</t>
  </si>
  <si>
    <t>This rule verifies that 'ssl' configuration parameter is set to 'start_tls'.</t>
  </si>
  <si>
    <t>2.2.a Verify system configuration - Use BitLocker software-based encryption - Fixed Drives</t>
  </si>
  <si>
    <t>2.2.a Verify system configuration - Use BitLocker software-based encryption - OS Drives</t>
  </si>
  <si>
    <t>2.2.a Verify system configuration - Use BitLocker software-based encryption - Removable Drives</t>
  </si>
  <si>
    <t>2.2.a Verify system configuration - Use Certificate Rules on Windows Executables</t>
  </si>
  <si>
    <t>This rule verifies whether digital certificates are processed when software restriction policies are enabled and a user or process attempts to run software with an .exe file name extension. It enables or disables certificate rules (a type of software restriction policies rule).  The default setting for this rule is Enabled.</t>
  </si>
  <si>
    <t>2.2.a Verify system configuration - Use FIPS compliant algorithms</t>
  </si>
  <si>
    <t>This rule determines whether the Transport Layer Security/Secure Sockets Layer (TLS/SSL) Security Provider supports only the TLS_RSA_WITH_3DES_EDE_CBC_SHA cipher suite. Although this policy setting increases security, most public Web sites that are secured with TLS or SSL do not support these algorithms.  The default setting for this rule is Enabled.</t>
  </si>
  <si>
    <t>This rule verifies whether the Transport Layer Security/Secure Sockets Layer (TLS/SSL) Security Provider supports only the TLS_RSA_WITH_3DES_EDE_CBC_SHA cipher suite. Although this policy setting increases security, most public Web sites that are secured with TLS or SSL do not support these algorithms. Client computers that have this policy setting enabled will also be unable to connect to Terminal Services on servers that are not configured to use the FIPS compliant algorithms.</t>
  </si>
  <si>
    <t>2.2.a Verify system configuration - Vendor-provided cryptographic certificates must be installed</t>
  </si>
  <si>
    <t>This rule verifies that gpg-pubkey is installed.</t>
  </si>
  <si>
    <t>2.2.a Verify system configuration - Verify CentOS GPG Key is Installed</t>
  </si>
  <si>
    <t>This rule verifies that GPG Key is installed.</t>
  </si>
  <si>
    <t>2.2.a Verify system configuration - Verify No Legacy "+" Entries - group</t>
  </si>
  <si>
    <t>This rule verifies that there are no "+" entries in /etc/group file.</t>
  </si>
  <si>
    <t>2.2.a Verify system configuration - Verify No Legacy "+" Entries - passwd</t>
  </si>
  <si>
    <t>This rule verifies that there are no "+" entries in /etc/passwd file.</t>
  </si>
  <si>
    <t>2.2.a Verify system configuration - Verify No Legacy "+" Entries - shadow</t>
  </si>
  <si>
    <t>This rule verifies that there are no "+" entries in /etc/shadow file.</t>
  </si>
  <si>
    <t>2.2.a Verify system configuration - Verify No Legacy "+" Entries Exist in /etc/group File</t>
  </si>
  <si>
    <t>2.2.a Verify system configuration - Verify No Legacy "+" Entries Exist in /etc/passwd File</t>
  </si>
  <si>
    <t>2.2.a Verify system configuration - Verify No Legacy "+" Entries Exist in /etc/shadow File</t>
  </si>
  <si>
    <t>2.2.a Verify system configuration - Verify No Legacy + Entries Exist in /etc/group File</t>
  </si>
  <si>
    <t>2.2.a Verify system configuration - Verify No Legacy + Entries Exist in /etc/passwd File</t>
  </si>
  <si>
    <t>2.2.a Verify system configuration - Verify No Legacy + Entries Exist in /etc/shadow File</t>
  </si>
  <si>
    <t>2.2.a Verify system configuration - Verify Permissions on /etc/group</t>
  </si>
  <si>
    <t>2.2.a Verify system configuration - Verify Permissions on /etc/gshadow</t>
  </si>
  <si>
    <t>This rule verifies that /etc/gshadow file permissions are 400.</t>
  </si>
  <si>
    <t>2.2.a Verify system configuration - Verify Permissions on /etc/hosts.allow</t>
  </si>
  <si>
    <t>2.2.a Verify system configuration - Verify Permissions on /etc/hosts.deny</t>
  </si>
  <si>
    <t>2.2.a Verify system configuration - Verify Permissions on /etc/passwd</t>
  </si>
  <si>
    <t>2.2.a Verify system configuration - Verify Permissions on /etc/shadow</t>
  </si>
  <si>
    <t>This rule verifies that /etc/shadow file permissions are 400.</t>
  </si>
  <si>
    <t>This rule verifies that /etc/shadow file permissions are 640.</t>
  </si>
  <si>
    <t>2.2.a Verify system configuration - Verify Red Hat GPG Key is Installed</t>
  </si>
  <si>
    <t>2.2.a Verify system configuration - Verify that gpgcheck is Globally Activated</t>
  </si>
  <si>
    <t>This rule verifies that 'gpgcheck' configuration parameter is set to 1.</t>
  </si>
  <si>
    <t>2.2.a Verify system configuration - Verify that there are no accounts with empty password</t>
  </si>
  <si>
    <t>This rule verifies that there are no user accounts with an empty password.</t>
  </si>
  <si>
    <t>2.2.a Verify system configuration - Verify User/Group Ownership on /etc/group</t>
  </si>
  <si>
    <t>This rule verifies that /etc/group file user and group ownerships are root:root.</t>
  </si>
  <si>
    <t>2.2.a Verify system configuration - Verify User/Group Ownership on /etc/gshadow</t>
  </si>
  <si>
    <t>This rule verifies that /etc/gshadow file user and group ownerships are root:root.</t>
  </si>
  <si>
    <t>2.2.a Verify system configuration - Verify User/Group Ownership on /etc/passwd</t>
  </si>
  <si>
    <t>This rule verifies that /etc/passwd file user and group ownerships are root:root.</t>
  </si>
  <si>
    <t>2.2.a Verify system configuration - Verify User/Group Ownership on /etc/shadow</t>
  </si>
  <si>
    <t>This rule verifies that /etc/shadow file user and group ownerships are root:root.</t>
  </si>
  <si>
    <t>2.2.a Verify system configuration - Virtualize file and registry write failures to per-user location</t>
  </si>
  <si>
    <t>This verifies whether Windows will virtualize file and registry writes to user locations when a non-UAC compliant application attempts to write to protected areas, such as the %SYSTEMROOT%. For all profiles, the recommended state for this setting is Enabled.</t>
  </si>
  <si>
    <t>Applications that lack an application compatibility database entry or a requested execution level marking in the application manifest are not UAC-compliant. Applications that are not UAC-compliant try to write to protected areas including Program Files and %systemroot%. These applications will silently fail if they cannot complete the write process. If you enable this rule setting, you allow Windows 7 to virtualize file and registry writes to user locations enabling the application to run.  UAC-compliant applications should not write to protected areas and cause write failures. As a result, environments that are only utilizing UAC-compliant applications should disable this rule setting.  There are two possible values for this rule setting:  1. Enabled. Environments that utilize software that is not UAC-compliant should configure this setting to Enabled.  2. Disabled. Environments that utilize software that is UAC-compliant should configure this setting to Disabled.  The default setting is Enabled.</t>
  </si>
  <si>
    <t>This rule verifies whether application write failures are redirected to defined registry and file system locations. This policy setting mitigates applications that run as administrator and write run-time application data to %ProgramFiles%, %Windir%, %Windir%\system32, or HKLM\Software.</t>
  </si>
  <si>
    <t>2.2.a Verify system configuration - X Windows must not be enabled unless required</t>
  </si>
  <si>
    <t>System Init - Boot Parameters</t>
  </si>
  <si>
    <t>This rule verifies that the default run level is set to 3.</t>
  </si>
  <si>
    <t>Payment Card Industry DSS 3.1 - vSphere 6 vCenter</t>
  </si>
  <si>
    <t>4.1 Use strong cryptography - Enable SSL for Network File copy (NFC)</t>
  </si>
  <si>
    <t>6.2 Security Patches - Verify Image Profile and VIB Acceptance Levels</t>
  </si>
  <si>
    <t>This rule verifies that the Host Image Profile Acceptance Level is set to "VMware Certified".</t>
  </si>
  <si>
    <t>7.1 Limit access to system components - Avoid unneeded user login to vCenter Server - audit policy</t>
  </si>
  <si>
    <t>This rule verifies that auditing for account logon is enabled.</t>
  </si>
  <si>
    <t>7.1 Limit access to system components - Disable datastore browser</t>
  </si>
  <si>
    <t>This rule verifies that datastore browser is disabled.</t>
  </si>
  <si>
    <t>7.1 Limit access to system components - Disable datastore Web browser</t>
  </si>
  <si>
    <t>This rule verifies that datastore web browser is disabled.</t>
  </si>
  <si>
    <t>7.1 Limit access to system components - Disable DCUI to prevent local administrative control</t>
  </si>
  <si>
    <t>This rule verifies that DCUI is disabled.</t>
  </si>
  <si>
    <t>7.1 Limit access to system components - Disable ESXi Shell</t>
  </si>
  <si>
    <t>This rule verifies that ESXi shell is disabled.</t>
  </si>
  <si>
    <t>7.1 Limit access to system components - Disable managed object browser</t>
  </si>
  <si>
    <t>This rule verifies that managed object browser is disabled.</t>
  </si>
  <si>
    <t>7.1 Limit access to system components - Disable Managed Object Browser (MOB)</t>
  </si>
  <si>
    <t>This rule verifies that 'Config.HostAgent.plugins.solo.enableMob' configuration parameter is set to false.</t>
  </si>
  <si>
    <t>7.1 Limit access to system components - Disable SSH</t>
  </si>
  <si>
    <t>This rule verifies that SSH is disabled.</t>
  </si>
  <si>
    <t>7.1 Limit access to system components - Enable lockdown mode to restrict remote access</t>
  </si>
  <si>
    <t>This rule verifies that lockdown mode is enabled.</t>
  </si>
  <si>
    <t>7.1 Limit access to system components - Enable Strict lockdown mode to restrict access</t>
  </si>
  <si>
    <t>This rule verifies that strict lockdown mode is enabled.</t>
  </si>
  <si>
    <t>7.1 Limit access to system components - Monitor access to SSL certificates - audit policy</t>
  </si>
  <si>
    <t>This rule verifies that auditing for object access is enabled.</t>
  </si>
  <si>
    <t>7.1 Limit access to system components - Restrict read access to VCO files</t>
  </si>
  <si>
    <t>This rule verifies that Users groups does not have any permissions on *:\Program Files\VMware\Infrastructure\Orchestrator\app-server folder.</t>
  </si>
  <si>
    <t>This rule verifies that all accounts must be assigned unique User Identification Numbers (UIDs).</t>
  </si>
  <si>
    <t>8.1.1 Verify Unique ID - All accounts on the system must have unique user or account name</t>
  </si>
  <si>
    <t>This rule verifies that all accounts on the system have unique user or account name.</t>
  </si>
  <si>
    <t>8.1.1 Verify Unique ID - Check for Duplicate UIDs</t>
  </si>
  <si>
    <t>This rule verifies that there are no duplicate UIDs.</t>
  </si>
  <si>
    <t>8.1.1 Verify Unique ID - Check for Duplicate User Names</t>
  </si>
  <si>
    <t>This rule verifies that there are no duplicate user names.</t>
  </si>
  <si>
    <t>8.1.1 Verify Unique ID - Miscellaneous Config - all user id must be unique</t>
  </si>
  <si>
    <t>8.1.1 Verify Unique ID - The root account must be the only account having a UID of 0</t>
  </si>
  <si>
    <t>This rule verifies that there are no UID 0 accounts other than root.</t>
  </si>
  <si>
    <t>8.1.1 Verify Unique ID - Verify No UID 0 Accounts Exist Other Than root</t>
  </si>
  <si>
    <t>8.1.1 Verify Unique ID - Verify No UID 0 Accounts Exist Other than root</t>
  </si>
  <si>
    <t>This rule verifies that the maximum number of days allowed  between uses of a login ID before that ID is declared invalid is set to 90 days.</t>
  </si>
  <si>
    <t>This rule verifies that inactive accounts over 90 days old are locked.</t>
  </si>
  <si>
    <t>8.1.4 Verify inactive accounts - Lock Inactive User Accounts</t>
  </si>
  <si>
    <t>This rule verifies that the number of days after a password expires until the account is permanently disabled is set to 90.</t>
  </si>
  <si>
    <t>This rule verifies that accounts with an inactivity period of more than 90 days are locked or have /sbin/nologin, /bin/false or /dev/null as their login shell.</t>
  </si>
  <si>
    <t>This rule verifies that login retry limit it set to 6.</t>
  </si>
  <si>
    <t>The rule verifies that the AUTH_MAXTRIES parameter is set to 6.</t>
  </si>
  <si>
    <t>This rule verifies that below line exists in /etc/pam.d/system-auth file:    auth required pam_faillock.so authsucc deny=6</t>
  </si>
  <si>
    <t>This rule verifies that below line exists in /etc/pam.d/login file:    auth required pam_tally2.so onerr=fail audit silent deny=6</t>
  </si>
  <si>
    <t>8.1.6 Verify invalid login attempts - /etc/security/user - loginretries</t>
  </si>
  <si>
    <t>This rule verifies that loginretries is set to 6.</t>
  </si>
  <si>
    <t>8.1.6 Verify invalid login attempts - Account lockout threshold</t>
  </si>
  <si>
    <t>Account Policy</t>
  </si>
  <si>
    <t>This rule verifies that the number of invalid login attempts is set to 6 or more restrictive.</t>
  </si>
  <si>
    <t>8.1.6 Verify invalid login attempts - Count of maximum failed login attempts</t>
  </si>
  <si>
    <t>This rule verifies that 'Security.AccountLockFailures' configuration parameter is set to 6 or more restrictive.</t>
  </si>
  <si>
    <t>8.1.6 Verify invalid login attempts - Machine account lockout threshold</t>
  </si>
  <si>
    <t>8.1.6 Verify invalid login attempts - Set Delay between Failed Login Attempts to 4</t>
  </si>
  <si>
    <t>This rule verifies that SLEEPTIME parameter is set to 4.</t>
  </si>
  <si>
    <t>This rule verifies that SLEEPTIME is set to 4.</t>
  </si>
  <si>
    <t>8.1.6 Verify invalid login attempts - Set Retry Limit for Account Lockout</t>
  </si>
  <si>
    <t>This rule verifies that RETRIES parameter is set to 6.</t>
  </si>
  <si>
    <t>8.1.6 Verify invalid login attempts - Set Retry Limit for Account Lockout - RETRIES</t>
  </si>
  <si>
    <t>This rule verifies that RETRIES is set to 6.</t>
  </si>
  <si>
    <t>8.1.7 Verify account lockout - /etc/security/login.cfg - logindisable</t>
  </si>
  <si>
    <t>This rule verifies that logindisable is set to 6.</t>
  </si>
  <si>
    <t>8.1.7 Verify account lockout - /etc/security/login.cfg - loginreenable</t>
  </si>
  <si>
    <t>This rule verifies that loginreenable is set to 30.</t>
  </si>
  <si>
    <t>8.1.7 Verify account lockout - Account lockout duration</t>
  </si>
  <si>
    <t>This rule verifies that the length of time that must pass before a locked account is unlocked and a user can try to log on again is set to 30 minutes or more restrictive.</t>
  </si>
  <si>
    <t>8.1.7 Verify account lockout - Disable accounts after excessive login failures</t>
  </si>
  <si>
    <t>This rule verifies that below line exists:    auth required pam_faillock.so fail_interval=900</t>
  </si>
  <si>
    <t>8.1.7 Verify account lockout - password-auth</t>
  </si>
  <si>
    <t>This rule verifies that unlock_time parameter is set to 1800.</t>
  </si>
  <si>
    <t>8.1.7 Verify account lockout - Require administrator to unlock a locked account</t>
  </si>
  <si>
    <t>This rule verifies that below line exists:    auth required pam_faillock.so unlock_time=604800</t>
  </si>
  <si>
    <t>8.1.7 Verify account lockout - Reset account lockout counter</t>
  </si>
  <si>
    <t>This rule verifies that the length of time before the Account lockout threshold resets to zero is set to 30 minutes or more restrictive.</t>
  </si>
  <si>
    <t>8.1.7 Verify account lockout - Set Lockout for Failed Password Attempts</t>
  </si>
  <si>
    <t>This rule verifies that below line exists in /etc/pam.d/login file:    auth required pam_tally2.so onerr=fail audit silent unlock_time=1800</t>
  </si>
  <si>
    <t>8.1.7 Verify account lockout - Set Lockout for Failed Password Attempts - password-auth - 1</t>
  </si>
  <si>
    <t>This rule verifies that below line exists in /etc/pam.d/password-auth file:    auth required pam_faillock.so preauth audit silent deny=6 unlock_time=1800</t>
  </si>
  <si>
    <t>8.1.7 Verify account lockout - Set Lockout for Failed Password Attempts - password-auth - 2</t>
  </si>
  <si>
    <t>This rule verifies that below line exists in /etc/pam.d/password-auth file:    auth [default=die] pam_faillock.so authfail audit deny=6 unlock_time=1800</t>
  </si>
  <si>
    <t>8.1.7 Verify account lockout - Set Lockout for Failed Password Attempts - password-auth - 3</t>
  </si>
  <si>
    <t>This rule verifies that below line exists in /etc/pam.d/password-auth file:    auth sufficient pam_faillock.so authsucc audit deny=6 unlock_time=1800</t>
  </si>
  <si>
    <t>8.1.7 Verify account lockout - Set Lockout for Failed Password Attempts - password-auth - 4</t>
  </si>
  <si>
    <t>This rule verifies that below line exists in /etc/pam.d/password-auth file:    auth [success=1 default=bad] pam_unix.so</t>
  </si>
  <si>
    <t>8.1.7 Verify account lockout - Set Lockout for Failed Password Attempts - system-auth - 1</t>
  </si>
  <si>
    <t>This rule verifies that below line exists in /etc/pam.d/system-auth file:    auth required pam_faillock.so preauth audit silent deny=6 unlock_time=1800</t>
  </si>
  <si>
    <t>8.1.7 Verify account lockout - Set Lockout for Failed Password Attempts - system-auth - 2</t>
  </si>
  <si>
    <t>This rule verifies that below line exists in /etc/pam.d/system-auth file:    auth [default=die] pam_faillock.so authfail audit deny=6 unlock_time=1800</t>
  </si>
  <si>
    <t>8.1.7 Verify account lockout - Set Lockout for Failed Password Attempts - system-auth - 3</t>
  </si>
  <si>
    <t>This rule verifies that below line exists in /etc/pam.d/system-auth file:    auth sufficient pam_faillock.so authsucc audit deny=6 unlock_time=1800</t>
  </si>
  <si>
    <t>8.1.7 Verify account lockout - Set Lockout for Failed Password Attempts - system-auth - 4</t>
  </si>
  <si>
    <t>This rule verifies that below line exists in /etc/pam.d/system-auth file:    auth [success=1 default=bad] pam_unix.so</t>
  </si>
  <si>
    <t>8.1.7 Verify account lockout - Set Retry Limit for Account Lockout - LOCK_AFTER_RETRIES</t>
  </si>
  <si>
    <t>This rule verifies that LOCK_AFTER_RETRIES is set to Yes.</t>
  </si>
  <si>
    <t>8.1.7 Verify account lockout - system-auth</t>
  </si>
  <si>
    <t>8.1.7 Verify account lockout time - Time after which a locked account is automatically unlocked</t>
  </si>
  <si>
    <t>This rule verifies that 'Security.AccountUnlockTime' configuration parameter is set to 1800 or more restrictive.</t>
  </si>
  <si>
    <t>8.1.8 Timeout idle sessions - /etc/security/login.cfg - logintimeout</t>
  </si>
  <si>
    <t>This rule verifies that logintimeout is set to 15.</t>
  </si>
  <si>
    <t>8.1.8 Timeout idle sessions - Amount of idle time required before suspending session</t>
  </si>
  <si>
    <t>This setting applies specifically to communications using the SMB protocol. When a client establishes a connection with an SMB server, they exchange credentials, perform authentication, and set aside resources to manage the connection. After a period of inactivity, the client or server may close the connection to conserve resources. When the client again attempts to use the SMB server, it reestablishes the connection without interaction with the user. The reconnection typically happens fast enough to hide the activity from the user.  The default setting for this rule is 15 minutes.</t>
  </si>
  <si>
    <t>This rule verifies the amount of continuous idle time that must pass in an SMB session before the session is suspended because of inactivity. Administrators can use this policy setting to control when a computer suspends an inactive SMB session. If client activity resumes, the session is automatically reestablished.  The default setting for this rule is 15 minutes.</t>
  </si>
  <si>
    <t>This rule verifies the amount of continuous idle time that must pass in an SMB session before the session is suspended because of inactivity. Administrators can use this policy setting to control when a computer suspends an inactive SMB session. If client activity resumes, the session is automatically reestablished.  The default setting for this rule is 15 minutes or less.</t>
  </si>
  <si>
    <t>This rule setting allows you to specify the amount of continuous idle time that must pass in an SMB session before the session is suspended because of inactivity. Administrators can use this rule setting to control when a computer suspends an inactive SMB session. If client activity resumes, the session is automatically reestablished.  The default setting is 15 minutes.</t>
  </si>
  <si>
    <t>This rule verifies that setting allows you to specify the amount of continuous idle time that must pass in an SMB session before the session is suspended because of inactivity. Administrators can use this policy setting to control when a computer suspends an inactive SMB session. If client activity resumes, the session is automatically reestablished.</t>
  </si>
  <si>
    <t>8.1.8 Timeout idle sessions - Audit DCUI timeout value</t>
  </si>
  <si>
    <t>This rule verifies that 'UserVars.DcuiTimeOut' configuration parameter is set to 900 or more restrictive.</t>
  </si>
  <si>
    <t>8.1.8 Timeout idle sessions - CDE - screensaver lock</t>
  </si>
  <si>
    <t>This rule verifies that below parameters are set:    dtsession*saverTimeout: 15  dtsession*lockTimeout: 15</t>
  </si>
  <si>
    <t>8.1.8 Timeout idle sessions - GDE provided by the system must automatically lock after 15 minutes</t>
  </si>
  <si>
    <t>This rule verifies that 'idle_activation_enabled' parameter is set to true.</t>
  </si>
  <si>
    <t>8.1.8 Timeout idle sessions - Set a timeout for the ESXi Shell and SSH services</t>
  </si>
  <si>
    <t>This rule verifies that appropriate timeout for ESXi shell and SSH services is set to 900 seconds or more restrictive.</t>
  </si>
  <si>
    <t>8.1.8 Timeout idle sessions - Set a timeout to automatically terminate idle sessions</t>
  </si>
  <si>
    <t>This rule verifies that appropriate timeout for automatically terminating idle ESXi Shell and SSH sessions is set to 900 seconds or more restrictive.</t>
  </si>
  <si>
    <t>8.1.8 Timeout idle sessions - Set default locking screensaver timeout</t>
  </si>
  <si>
    <t>8.1.8 Timeout idle sessions - Set Default Screen Lock for CDE Users</t>
  </si>
  <si>
    <t>8.1.8 Timeout idle sessions - Set Default Screen Lock for GNOME Users</t>
  </si>
  <si>
    <t>This rule verifies that below parameters are set:    *timeout: 0:15:00  *lockTimeout: 0:00:00  *lock: True</t>
  </si>
  <si>
    <t>8.1.8 Timeout idle sessions - Set GDE idle timeout to 15 minutes</t>
  </si>
  <si>
    <t>This rule verifies that 'idle_delay' parameter is set to 15 minutes or less.</t>
  </si>
  <si>
    <t>8.1.8 Timeout idle sessions - Set Idle Timeout Interval for User Login</t>
  </si>
  <si>
    <t>This rule verifies that below parameters are set:    ClientAliveInterval 900   ClientAliveCountMax 0</t>
  </si>
  <si>
    <t>8.1.8 Timeout idle sessions - The graphical desktop environment must have automatic lock enabled</t>
  </si>
  <si>
    <t>This rule verifies that 'lock_enabled' parameter is set to true.</t>
  </si>
  <si>
    <t>This rule verifies that minlen parameter is set to 7.</t>
  </si>
  <si>
    <t>This rule verifies that MIN_PASSWORD_LENGTH parameter is set to 7.</t>
  </si>
  <si>
    <t>This rule verifies that password length is set to 7 characters.</t>
  </si>
  <si>
    <t>This rule verifies that PASSLENGTH parameter is set to 7.</t>
  </si>
  <si>
    <t>8.2.3 Verify password complexity - /etc/security/login.cfg - pwd_algorithm</t>
  </si>
  <si>
    <t>This rule verifies that pwd_algorithm is set to ssha256.</t>
  </si>
  <si>
    <t>8.2.3 Verify password complexity - /etc/security/user - maxrepeats</t>
  </si>
  <si>
    <t>This rule verifies that maxrepeats is set to 2.</t>
  </si>
  <si>
    <t>8.2.3 Verify password complexity - /etc/security/user - minalpha</t>
  </si>
  <si>
    <t>This rule verifies that minalpha is set to 2.</t>
  </si>
  <si>
    <t>8.2.3 Verify password complexity - /etc/security/user - mindiff</t>
  </si>
  <si>
    <t>This rule verifies that mindiff is set to 4.</t>
  </si>
  <si>
    <t>8.2.3 Verify password complexity - /etc/security/user - mindigit</t>
  </si>
  <si>
    <t>This rule verifies that mindigit is set to 1.</t>
  </si>
  <si>
    <t>8.2.3 Verify password complexity - /etc/security/user - minlen</t>
  </si>
  <si>
    <t>This rule verifies that minlen is set to 7.</t>
  </si>
  <si>
    <t>8.2.3 Verify password complexity - /etc/security/user - minloweralpha</t>
  </si>
  <si>
    <t>This rule verifies that minloweralpha is set to 1.</t>
  </si>
  <si>
    <t>8.2.3 Verify password complexity - /etc/security/user - minother</t>
  </si>
  <si>
    <t>This rule verifies that minother is set to 1.</t>
  </si>
  <si>
    <t>This rule verifies that minother is set to 2.</t>
  </si>
  <si>
    <t>8.2.3 Verify password complexity - /etc/security/user - minspecialchar</t>
  </si>
  <si>
    <t>This rule verifies that minspecialchar is set to 1.</t>
  </si>
  <si>
    <t>8.2.3 Verify password complexity - /etc/security/user - minupperalpha</t>
  </si>
  <si>
    <t>This rule verifies that minupperalpha is set to 1.</t>
  </si>
  <si>
    <t>8.2.3 Verify password complexity - Digit</t>
  </si>
  <si>
    <t>This rule verifies that dcredit parameter is set to 1.</t>
  </si>
  <si>
    <t>This rule verifies that 'dcredit' parameter is set to -1.</t>
  </si>
  <si>
    <t>This rule verifies that below line exists in /etc/pam.d/common-password-pc file:    password requisite pam_cracklib.so dcredit=1</t>
  </si>
  <si>
    <t>8.2.3 Verify password complexity - Length</t>
  </si>
  <si>
    <t>This rule verifies that below line exists in /etc/pam.d/common-password-pc file:    password requisite pam_cracklib.so minlen=7</t>
  </si>
  <si>
    <t>8.2.3 Verify password complexity - Lower</t>
  </si>
  <si>
    <t>This rule verifies that 'lcredit' parameter is set to -1.</t>
  </si>
  <si>
    <t>8.2.3 Verify password complexity - Lowercase</t>
  </si>
  <si>
    <t>This rule verifies that lcredit parameter is set to 1.</t>
  </si>
  <si>
    <t>This rule verifies that below line exists in /etc/pam.d/common-password-pc file:    password requisite pam_cracklib.so lcredit=1</t>
  </si>
  <si>
    <t>8.2.3 Verify password complexity - Minimum Password Length</t>
  </si>
  <si>
    <t>This rule verifies that minimum password length is set to 7 or more restrictive.</t>
  </si>
  <si>
    <t>8.2.3 Verify password complexity - Password must meet complexity requirements</t>
  </si>
  <si>
    <t>This rule verifies that Windows 2003 is implementing a minimum level of strong password filtering.</t>
  </si>
  <si>
    <t>This rule setting checks all new passwords when they are created to ensure that they meet complexity requirements.  A password of 20 or more characters can actually be set so that it is easier for a user to remember—and more secure—than an eight-character password. Consider the following 27-character password—I love cheap tacos for $.99. This type of password (really a pass phrase) might be simpler for a user to remember than a shorter password such as P@55w0rd.  When combined with a Minimum password length of 8, this setting makes it very difficult to mount a brute force attack. If you include upper and lower case letters and numbers in the keyspace, the number of available characters increases from 26 to 62 characters. An eight-character password then has 2.18 x 1014 possible combinations. At 1,000,000 attempts per second, it would take 6.9 years to cycle through all possible permutations.  For these reasons, Microsoft recommends that the Password must meet complexity requirements setting be configured to Enabled.</t>
  </si>
  <si>
    <t>This rule verifies that all new passwords when they are created to ensure that they meet complexity requirements.  The default setting is enabled.</t>
  </si>
  <si>
    <t>8.2.3 Verify password complexity - Set Strong Password Creation Policies</t>
  </si>
  <si>
    <t>This rule verifies that below parameters are set:    NAMECHECK=YES  MINDIFF=3  MINALPHA=1  MINUPPER=1  MINLOWER=1  MINNONALPHA=1  MAXREPEATS=0  WHITESPACE=YES  DICTIONDBDIR=/var/passwd  DICTIONLIST=/usr/share/lib/dict/words</t>
  </si>
  <si>
    <t>8.2.3 Verify password complexity - Set Strong Password Enforcement Policies</t>
  </si>
  <si>
    <t>This rule verifies that below parameters are set:    PASSWORD_MIN_UPPER_CASE_CHARS=1  PASSWORD_MIN_DIGIT_CHARS=1  PASSWORD_MIN_SPECIAL_CHARS=1  PASSWORD_MIN_LOWER_CASE_CHARS=1</t>
  </si>
  <si>
    <t>8.2.3 Verify password complexity - Special</t>
  </si>
  <si>
    <t>This rule verifies that 'ocredit' parameter is set to -1.</t>
  </si>
  <si>
    <t>8.2.3 Verify password complexity - Special Character</t>
  </si>
  <si>
    <t>This rule verifies that ocredit parameter is set to 1.</t>
  </si>
  <si>
    <t>8.2.3 Verify password complexity - Special characters</t>
  </si>
  <si>
    <t>This rule verifies that below line exists in /etc/pam.d/common-password-pc file:    password requisite pam_cracklib.so ocredit=1</t>
  </si>
  <si>
    <t>8.2.3 Verify password complexity - Upper</t>
  </si>
  <si>
    <t>This rule verifies that 'ucredit' parameter is set to -1.</t>
  </si>
  <si>
    <t>8.2.3 Verify password complexity - Uppercase</t>
  </si>
  <si>
    <t>This rule verifies that ucredit parameter is set to 1.</t>
  </si>
  <si>
    <t>This rule verifies that below line exists in /etc/pam.d/common-password-pc file:    password requisite pam_cracklib.so ucredit=1</t>
  </si>
  <si>
    <t>8.2.4 Verify maximum password age - /etc/security/user - maxage</t>
  </si>
  <si>
    <t>This rule verifies that maxage is set to 13.</t>
  </si>
  <si>
    <t>8.2.4 Verify maximum password age - /etc/security/user - maxexpired</t>
  </si>
  <si>
    <t>This rule verifies that maxexpired is set to 2.</t>
  </si>
  <si>
    <t>8.2.4 Verify maximum password age - /etc/security/user - minage</t>
  </si>
  <si>
    <t>This rule verifies that minage is set to 1.</t>
  </si>
  <si>
    <t>8.2.4 Verify maximum password age - Domain member: Maximum machine account password age</t>
  </si>
  <si>
    <t>This rule verifies that the maximum password age is set to 90 days.</t>
  </si>
  <si>
    <t>8.2.4 Verify maximum password age - Maximum Password Age</t>
  </si>
  <si>
    <t>This rule verifies that the maximum password age is set to 90 days or more restrictive.</t>
  </si>
  <si>
    <t>8.2.4 Verify maximum password age - Minimum Password Age</t>
  </si>
  <si>
    <t>This rule verifies that the minimum password age is set to 1 day or more restrictive.</t>
  </si>
  <si>
    <t>8.2.4 Verify maximum password age - Set Account Expiration Parameters on Active Accounts</t>
  </si>
  <si>
    <t>This rule verifies that below parameters are set:    PASSWORD_MAXDAYS=91  PASSWORD_MINDAYS=7  PASSWORD_WARNDAYS=28</t>
  </si>
  <si>
    <t>8.2.4 Verify maximum password age - Set Password Change Minimum Number of Days</t>
  </si>
  <si>
    <t>This rule verifies that minimum password age is set to 7 days.</t>
  </si>
  <si>
    <t>This rule verifies that minimum password age is set to 1 day.</t>
  </si>
  <si>
    <t>8.2.4 Verify maximum password age - Set Password Expiration Days</t>
  </si>
  <si>
    <t>This rule verifies that maximum password age is set to 90 days.</t>
  </si>
  <si>
    <t>8.2.4 Verify maximum password age - Set Password Expiration Parameters on Active Accounts</t>
  </si>
  <si>
    <t>This rule verifies that below parameters are set:    MAXWEEKS=13  MINWEEKS=1  WARNWEEKS=4</t>
  </si>
  <si>
    <t>8.2.4 Verify maximum password age - Set Password Expiring Warning Days</t>
  </si>
  <si>
    <t>This rule verifies that password expiring warning age is set to 7 days.</t>
  </si>
  <si>
    <t>8.2.4 Verify maximum password age - Users must be warned 7 days in advance of password expiration</t>
  </si>
  <si>
    <t>This rule verifies that PASSWORD_HISTORY_DEPTH parameter is set to 4.</t>
  </si>
  <si>
    <t>This rule verifies that 'remember' parameter is set to 4.</t>
  </si>
  <si>
    <t>This rule verifies that remember parameter is set to 4.</t>
  </si>
  <si>
    <t>This rule verifies that HISTORY parameter is set to 4.</t>
  </si>
  <si>
    <t>8.2.5 Verify password history - /etc/security/user - histexpire</t>
  </si>
  <si>
    <t>This rule verifies that histexpire is set to 13.</t>
  </si>
  <si>
    <t>8.2.5 Verify password history - /etc/security/user - histsize</t>
  </si>
  <si>
    <t>This rule verifies that histsize is set to 4.</t>
  </si>
  <si>
    <t>8.2.5 Verify password history - Enforce password history</t>
  </si>
  <si>
    <t>This rule verifies that the password history is set to 4 or more restrictive.</t>
  </si>
  <si>
    <t>8.2.5 Verify password history - Limit Password Reuse</t>
  </si>
  <si>
    <t>This rule verifies that below line exists in /etc/pam.d/system-auth file:    password sufficient pam_unix.so remember=4</t>
  </si>
  <si>
    <t>This rule verifies that below line exists in /etc/pam.d/common-password-pc file:    password required pam_pwhistory.so remember=5</t>
  </si>
  <si>
    <t>8.5 Verify use of system accounts - Accounts: Block Microsoft accounts</t>
  </si>
  <si>
    <t>This rule verifies that users are prevented from adding new Microsoft accounts on this computer.</t>
  </si>
  <si>
    <t>8.5 Verify use of system accounts - Accounts: Limit local account use of blank passwords to console</t>
  </si>
  <si>
    <t>When this setting is enabled, the computer refuses remote logons if the user attempts to use a blank password, even if the blank password is valid for that account. This setting should be enabled even though passwords should never be left blank.  The default setting for this rule is Enabled.</t>
  </si>
  <si>
    <t>This rule verifies whether local accounts that are not password protected can be used to log on from locations other than the physical computer console.  The default setting for this rule is Enabled.</t>
  </si>
  <si>
    <t>This rule setting determines whether local accounts that are not password protected can be used to log on from locations other than the physical computer console.  If you enable this policy setting, local accounts that have blank passwords will not be able to log on to the network from remote client computers.  Such accounts will only be able to log on at the keyboard of the computer.  The default setting is Enabled.</t>
  </si>
  <si>
    <t>This rule verifies whether local accounts that are not password protected can be used to log on from locations other than the physical computer console.</t>
  </si>
  <si>
    <t>8.5 Verify use of system accounts - Accounts: Rename Administrator account</t>
  </si>
  <si>
    <t>This rule verifies that the built-in local administrator account is renamed.</t>
  </si>
  <si>
    <t>8.5 Verify use of system accounts - Accounts: Rename Guest account</t>
  </si>
  <si>
    <t>This rule verifies that the built-in local guest account is renamed.</t>
  </si>
  <si>
    <t>8.5 Verify use of system accounts - Block System Accounts</t>
  </si>
  <si>
    <t>This rule verifies that the login shell is set to /bin/false and password is locked for the following users.  www  sys  smbnull  iwww  owww  sshd  hpsmh  named  uucp  nuucp  adm  daemon  bin  lp  nobody  noaccess  hpdb  useradm</t>
  </si>
  <si>
    <t>8.5 Verify use of system accounts - Default system accounts, other than root, must be locked</t>
  </si>
  <si>
    <t>This rule verifies that accounts with UID in range of 1-499 are locked.</t>
  </si>
  <si>
    <t>8.5 Verify use of system accounts - Disable System Accounts</t>
  </si>
  <si>
    <t>8.5 Verify use of system accounts - Disable System Accounts - 1</t>
  </si>
  <si>
    <t>This rule verifies that accounts with UID in range of 1-99 are locked.</t>
  </si>
  <si>
    <t>8.5 Verify use of system accounts - Disable System Accounts - 2</t>
  </si>
  <si>
    <t>This rule verifies that below accounts are locked:    nobody   noaccess   nobody4</t>
  </si>
  <si>
    <t>8.5 Verify use of system accounts - Miscellaneous Enhancements - guest account removal</t>
  </si>
  <si>
    <t>This rule verifies that username guest does not exist.</t>
  </si>
  <si>
    <t>8.5 Verify use of system accounts - System account lockdown - adm</t>
  </si>
  <si>
    <t>This rule verifies that login and rlogin is set to false for account adm.</t>
  </si>
  <si>
    <t>8.5 Verify use of system accounts - system account lockdown - adm</t>
  </si>
  <si>
    <t>8.5 Verify use of system accounts - System account lockdown - bin</t>
  </si>
  <si>
    <t>This rule verifies that login and rlogin is set to false for account bin.</t>
  </si>
  <si>
    <t>8.5 Verify use of system accounts - system account lockdown - bin</t>
  </si>
  <si>
    <t>8.5 Verify use of system accounts - System account lockdown - daemon</t>
  </si>
  <si>
    <t>This rule verifies that login and rlogin is set to false for account daemon.</t>
  </si>
  <si>
    <t>8.5 Verify use of system accounts - system account lockdown - daemon</t>
  </si>
  <si>
    <t>8.5 Verify use of system accounts - System account lockdown - lpd</t>
  </si>
  <si>
    <t>This rule verifies that login and rlogin is set to false for account lpd.</t>
  </si>
  <si>
    <t>8.5 Verify use of system accounts - system account lockdown - lpd</t>
  </si>
  <si>
    <t>8.5 Verify use of system accounts - System account lockdown - nobody</t>
  </si>
  <si>
    <t>This rule verifies that login and rlogin is set to false for account nobody.</t>
  </si>
  <si>
    <t>8.5 Verify use of system accounts - system account lockdown - nobody</t>
  </si>
  <si>
    <t>8.5 Verify use of system accounts - System account lockdown - sys</t>
  </si>
  <si>
    <t>This rule verifies that login and rlogin is set to false for account sys.</t>
  </si>
  <si>
    <t>8.5 Verify use of system accounts - system account lockdown - sys</t>
  </si>
  <si>
    <t>8.5 Verify use of system accounts - System account lockdown - uucp</t>
  </si>
  <si>
    <t>This rule verifies that login and rlogin is set to false for account uucp.</t>
  </si>
  <si>
    <t>8.5 Verify use of system accounts - system account lockdown - uucp</t>
  </si>
  <si>
    <t>8.5 Verify use of system accounts - Verify System Account Default Passwords</t>
  </si>
  <si>
    <t>This rule verifies that below accounts are locked:    aiuser  dhcpserv  dladm  ftp  gdm  netadm  netcfg  noaccess  nobody  nobody4  openldap  pkg5srv  svctag  unknown  webservd  xvm</t>
  </si>
  <si>
    <t>HP-UX Operating Systems</t>
  </si>
  <si>
    <t>Filter machines that are HP-UX Operating Systems only</t>
  </si>
  <si>
    <t>Machine Filter for Solaris 10</t>
  </si>
  <si>
    <t>Machine filter for Solaris 10 only.</t>
  </si>
</sst>
</file>

<file path=xl/styles.xml><?xml version="1.0" encoding="utf-8"?>
<styleSheet xmlns="http://schemas.openxmlformats.org/spreadsheetml/2006/main">
  <numFmts count="1">
    <numFmt numFmtId="164" formatCode="GENERAL"/>
  </numFmts>
  <fonts count="6">
    <font>
      <sz val="11"/>
      <color rgb="FF000000"/>
      <name val="Calibri"/>
      <family val="2"/>
      <charset val="1"/>
    </font>
    <font>
      <sz val="10"/>
      <name val="Arial"/>
      <family val="0"/>
    </font>
    <font>
      <sz val="10"/>
      <name val="Arial"/>
      <family val="0"/>
    </font>
    <font>
      <sz val="10"/>
      <name val="Arial"/>
      <family val="0"/>
    </font>
    <font>
      <b val="true"/>
      <sz val="11"/>
      <color rgb="FFFFFFFF"/>
      <name val="Calibri"/>
      <family val="2"/>
      <charset val="1"/>
    </font>
    <font>
      <b val="true"/>
      <sz val="11"/>
      <color rgb="FF0070C0"/>
      <name val="Calibri"/>
      <family val="2"/>
      <charset val="1"/>
    </font>
  </fonts>
  <fills count="11">
    <fill>
      <patternFill patternType="none"/>
    </fill>
    <fill>
      <patternFill patternType="gray125"/>
    </fill>
    <fill>
      <patternFill patternType="solid">
        <fgColor rgb="FFED7D31"/>
        <bgColor rgb="FFFF8080"/>
      </patternFill>
    </fill>
    <fill>
      <patternFill patternType="solid">
        <fgColor rgb="FF002060"/>
        <bgColor rgb="FF000080"/>
      </patternFill>
    </fill>
    <fill>
      <patternFill patternType="solid">
        <fgColor rgb="FF00B050"/>
        <bgColor rgb="FF008080"/>
      </patternFill>
    </fill>
    <fill>
      <patternFill patternType="solid">
        <fgColor rgb="FF404040"/>
        <bgColor rgb="FF3B3838"/>
      </patternFill>
    </fill>
    <fill>
      <patternFill patternType="solid">
        <fgColor rgb="FF3B3838"/>
        <bgColor rgb="FF404040"/>
      </patternFill>
    </fill>
    <fill>
      <patternFill patternType="solid">
        <fgColor rgb="FFFFE699"/>
        <bgColor rgb="FFFFFFCC"/>
      </patternFill>
    </fill>
    <fill>
      <patternFill patternType="solid">
        <fgColor rgb="FF8FAADC"/>
        <bgColor rgb="FF969696"/>
      </patternFill>
    </fill>
    <fill>
      <patternFill patternType="solid">
        <fgColor rgb="FFF4B183"/>
        <bgColor rgb="FFFF99CC"/>
      </patternFill>
    </fill>
    <fill>
      <patternFill patternType="solid">
        <fgColor rgb="FFFFFF00"/>
        <bgColor rgb="FFFFFF00"/>
      </patternFill>
    </fill>
  </fills>
  <borders count="1">
    <border diagonalUp="false" diagonalDown="false">
      <left/>
      <right/>
      <top/>
      <bottom/>
      <diagonal/>
    </border>
  </borders>
  <cellStyleXfs count="20">
    <xf numFmtId="164" fontId="0" fillId="0" borderId="0" applyFont="true" applyBorder="true" applyAlignment="true" applyProtection="true">
      <alignment horizontal="general" vertical="bottom" textRotation="0" wrapText="false" indent="0" shrinkToFit="false"/>
      <protection locked="true" hidden="false"/>
    </xf>
    <xf numFmtId="0" fontId="1" fillId="0" borderId="0" applyFont="true" applyBorder="false" applyAlignment="false" applyProtection="false"/>
    <xf numFmtId="0" fontId="1" fillId="0" borderId="0" applyFont="true" applyBorder="false" applyAlignment="false" applyProtection="false"/>
    <xf numFmtId="0" fontId="2" fillId="0" borderId="0" applyFont="true" applyBorder="false" applyAlignment="false" applyProtection="false"/>
    <xf numFmtId="0" fontId="2" fillId="0" borderId="0" applyFont="true" applyBorder="false" applyAlignment="false" applyProtection="false"/>
    <xf numFmtId="0" fontId="0" fillId="0" borderId="0" applyFont="true" applyBorder="false" applyAlignment="false" applyProtection="false"/>
    <xf numFmtId="0" fontId="0" fillId="0" borderId="0" applyFont="true" applyBorder="false" applyAlignment="false" applyProtection="false"/>
    <xf numFmtId="0" fontId="0" fillId="0" borderId="0" applyFont="true" applyBorder="false" applyAlignment="false" applyProtection="false"/>
    <xf numFmtId="0" fontId="0" fillId="0" borderId="0" applyFont="true" applyBorder="false" applyAlignment="false" applyProtection="false"/>
    <xf numFmtId="0" fontId="0" fillId="0" borderId="0" applyFont="true" applyBorder="false" applyAlignment="false" applyProtection="false"/>
    <xf numFmtId="0" fontId="0" fillId="0" borderId="0" applyFont="true" applyBorder="false" applyAlignment="false" applyProtection="false"/>
    <xf numFmtId="0" fontId="0" fillId="0" borderId="0" applyFont="true" applyBorder="false" applyAlignment="false" applyProtection="false"/>
    <xf numFmtId="0" fontId="0" fillId="0" borderId="0" applyFont="true" applyBorder="false" applyAlignment="false" applyProtection="false"/>
    <xf numFmtId="0" fontId="0" fillId="0" borderId="0" applyFont="true" applyBorder="false" applyAlignment="false" applyProtection="false"/>
    <xf numFmtId="0" fontId="0" fillId="0" borderId="0" applyFont="true" applyBorder="false" applyAlignment="false" applyProtection="false"/>
    <xf numFmtId="43" fontId="1" fillId="0" borderId="0" applyFont="true" applyBorder="false" applyAlignment="false" applyProtection="false"/>
    <xf numFmtId="41" fontId="1" fillId="0" borderId="0" applyFont="true" applyBorder="false" applyAlignment="false" applyProtection="false"/>
    <xf numFmtId="44" fontId="1" fillId="0" borderId="0" applyFont="true" applyBorder="false" applyAlignment="false" applyProtection="false"/>
    <xf numFmtId="42" fontId="1" fillId="0" borderId="0" applyFont="true" applyBorder="false" applyAlignment="false" applyProtection="false"/>
    <xf numFmtId="9" fontId="1" fillId="0" borderId="0" applyFont="true" applyBorder="false" applyAlignment="false" applyProtection="false"/>
  </cellStyleXfs>
  <cellXfs count="16">
    <xf numFmtId="164" fontId="0" fillId="0" borderId="0" xfId="0" applyFont="false" applyBorder="false" applyAlignment="false" applyProtection="false">
      <alignment horizontal="general" vertical="bottom" textRotation="0" wrapText="false" indent="0" shrinkToFit="false"/>
      <protection locked="true" hidden="false"/>
    </xf>
    <xf numFmtId="164" fontId="4" fillId="2" borderId="0" xfId="0" applyFont="true" applyBorder="false" applyAlignment="false" applyProtection="false">
      <alignment horizontal="general" vertical="bottom" textRotation="0" wrapText="false" indent="0" shrinkToFit="false"/>
      <protection locked="true" hidden="false"/>
    </xf>
    <xf numFmtId="164" fontId="4" fillId="3" borderId="0" xfId="0" applyFont="true" applyBorder="false" applyAlignment="false" applyProtection="false">
      <alignment horizontal="general" vertical="bottom" textRotation="0" wrapText="false" indent="0" shrinkToFit="false"/>
      <protection locked="true" hidden="false"/>
    </xf>
    <xf numFmtId="164" fontId="4" fillId="4" borderId="0" xfId="0" applyFont="true" applyBorder="false" applyAlignment="false" applyProtection="false">
      <alignment horizontal="general" vertical="bottom" textRotation="0" wrapText="false" indent="0" shrinkToFit="false"/>
      <protection locked="true" hidden="false"/>
    </xf>
    <xf numFmtId="164" fontId="4" fillId="5" borderId="0" xfId="0" applyFont="true" applyBorder="false" applyAlignment="false" applyProtection="false">
      <alignment horizontal="general" vertical="bottom" textRotation="0" wrapText="false" indent="0" shrinkToFit="false"/>
      <protection locked="true" hidden="false"/>
    </xf>
    <xf numFmtId="164" fontId="0" fillId="6" borderId="0" xfId="0" applyFont="false" applyBorder="false" applyAlignment="false" applyProtection="false">
      <alignment horizontal="general" vertical="bottom" textRotation="0" wrapText="false" indent="0" shrinkToFit="false"/>
      <protection locked="true" hidden="false"/>
    </xf>
    <xf numFmtId="164" fontId="0" fillId="2" borderId="0" xfId="0" applyFont="false" applyBorder="false" applyAlignment="false" applyProtection="false">
      <alignment horizontal="general" vertical="bottom" textRotation="0" wrapText="false" indent="0" shrinkToFit="false"/>
      <protection locked="true" hidden="false"/>
    </xf>
    <xf numFmtId="164" fontId="0" fillId="4" borderId="0" xfId="0" applyFont="false" applyBorder="false" applyAlignment="false" applyProtection="false">
      <alignment horizontal="general" vertical="bottom" textRotation="0" wrapText="false" indent="0" shrinkToFit="false"/>
      <protection locked="true" hidden="false"/>
    </xf>
    <xf numFmtId="164" fontId="0" fillId="3" borderId="0" xfId="0" applyFont="false" applyBorder="false" applyAlignment="false" applyProtection="false">
      <alignment horizontal="general" vertical="bottom" textRotation="0" wrapText="false" indent="0" shrinkToFit="false"/>
      <protection locked="true" hidden="false"/>
    </xf>
    <xf numFmtId="164" fontId="0" fillId="7" borderId="0" xfId="0" applyFont="true" applyBorder="false" applyAlignment="false" applyProtection="false">
      <alignment horizontal="general" vertical="bottom" textRotation="0" wrapText="false" indent="0" shrinkToFit="false"/>
      <protection locked="true" hidden="false"/>
    </xf>
    <xf numFmtId="164" fontId="0" fillId="8" borderId="0" xfId="0" applyFont="true" applyBorder="false" applyAlignment="false" applyProtection="false">
      <alignment horizontal="general" vertical="bottom" textRotation="0" wrapText="false" indent="0" shrinkToFit="false"/>
      <protection locked="true" hidden="false"/>
    </xf>
    <xf numFmtId="164" fontId="0" fillId="9" borderId="0" xfId="0" applyFont="true" applyBorder="false" applyAlignment="false" applyProtection="false">
      <alignment horizontal="general" vertical="bottom" textRotation="0" wrapText="false" indent="0" shrinkToFit="false"/>
      <protection locked="true" hidden="false"/>
    </xf>
    <xf numFmtId="164" fontId="5" fillId="0" borderId="0" xfId="0" applyFont="true" applyBorder="false" applyAlignment="false" applyProtection="false">
      <alignment horizontal="general" vertical="bottom" textRotation="0" wrapText="false" indent="0" shrinkToFit="false"/>
      <protection locked="true" hidden="false"/>
    </xf>
    <xf numFmtId="164" fontId="0" fillId="0" borderId="0" xfId="0" applyFont="false" applyBorder="false" applyAlignment="true" applyProtection="false">
      <alignment horizontal="general" vertical="bottom" textRotation="0" wrapText="true" indent="0" shrinkToFit="false"/>
      <protection locked="true" hidden="false"/>
    </xf>
    <xf numFmtId="164" fontId="0" fillId="0" borderId="0" xfId="0" applyFont="true" applyBorder="false" applyAlignment="true" applyProtection="false">
      <alignment horizontal="general" vertical="bottom" textRotation="0" wrapText="true" indent="0" shrinkToFit="false"/>
      <protection locked="true" hidden="false"/>
    </xf>
    <xf numFmtId="164" fontId="0" fillId="10" borderId="0" xfId="0" applyFont="true" applyBorder="false" applyAlignment="true" applyProtection="false">
      <alignment horizontal="general" vertical="bottom" textRotation="0" wrapText="true" indent="0" shrinkToFit="false"/>
      <protection locked="true" hidden="false"/>
    </xf>
  </cellXfs>
  <cellStyles count="6">
    <cellStyle name="Normal" xfId="0" builtinId="0" customBuiltin="false"/>
    <cellStyle name="Comma" xfId="15" builtinId="3" customBuiltin="false"/>
    <cellStyle name="Comma [0]" xfId="16" builtinId="6" customBuiltin="false"/>
    <cellStyle name="Currency" xfId="17" builtinId="4" customBuiltin="false"/>
    <cellStyle name="Currency [0]" xfId="18" builtinId="7" customBuiltin="false"/>
    <cellStyle name="Percent" xfId="19" builtinId="5" customBuiltin="false"/>
  </cellStyles>
  <colors>
    <indexedColors>
      <rgbColor rgb="FF000000"/>
      <rgbColor rgb="FFFFFFFF"/>
      <rgbColor rgb="FFFF0000"/>
      <rgbColor rgb="FF00FF00"/>
      <rgbColor rgb="FF0000FF"/>
      <rgbColor rgb="FFFFFF00"/>
      <rgbColor rgb="FFFF00FF"/>
      <rgbColor rgb="FF00FFFF"/>
      <rgbColor rgb="FF800000"/>
      <rgbColor rgb="FF008000"/>
      <rgbColor rgb="FF000080"/>
      <rgbColor rgb="FF808000"/>
      <rgbColor rgb="FF800080"/>
      <rgbColor rgb="FF008080"/>
      <rgbColor rgb="FFC0C0C0"/>
      <rgbColor rgb="FF808080"/>
      <rgbColor rgb="FF8FAADC"/>
      <rgbColor rgb="FF993366"/>
      <rgbColor rgb="FFFFFFCC"/>
      <rgbColor rgb="FFCCFFFF"/>
      <rgbColor rgb="FF660066"/>
      <rgbColor rgb="FFFF8080"/>
      <rgbColor rgb="FF0070C0"/>
      <rgbColor rgb="FFCCCCFF"/>
      <rgbColor rgb="FF000080"/>
      <rgbColor rgb="FFFF00FF"/>
      <rgbColor rgb="FFFFFF00"/>
      <rgbColor rgb="FF00FFFF"/>
      <rgbColor rgb="FF800080"/>
      <rgbColor rgb="FF800000"/>
      <rgbColor rgb="FF008080"/>
      <rgbColor rgb="FF0000FF"/>
      <rgbColor rgb="FF00CCFF"/>
      <rgbColor rgb="FFCCFFFF"/>
      <rgbColor rgb="FFCCFFCC"/>
      <rgbColor rgb="FFFFE699"/>
      <rgbColor rgb="FF99CCFF"/>
      <rgbColor rgb="FFFF99CC"/>
      <rgbColor rgb="FFCC99FF"/>
      <rgbColor rgb="FFF4B183"/>
      <rgbColor rgb="FF3366FF"/>
      <rgbColor rgb="FF33CCCC"/>
      <rgbColor rgb="FF99CC00"/>
      <rgbColor rgb="FFFFCC00"/>
      <rgbColor rgb="FFFF9900"/>
      <rgbColor rgb="FFED7D31"/>
      <rgbColor rgb="FF666699"/>
      <rgbColor rgb="FF969696"/>
      <rgbColor rgb="FF002060"/>
      <rgbColor rgb="FF00B050"/>
      <rgbColor rgb="FF003300"/>
      <rgbColor rgb="FF404040"/>
      <rgbColor rgb="FF993300"/>
      <rgbColor rgb="FF993366"/>
      <rgbColor rgb="FF333399"/>
      <rgbColor rgb="FF3B3838"/>
    </indexedColors>
  </colors>
</styleSheet>
</file>

<file path=xl/_rels/workbook.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worksheet" Target="worksheets/sheet1.xml"/><Relationship Id="rId3" Type="http://schemas.openxmlformats.org/officeDocument/2006/relationships/worksheet" Target="worksheets/sheet2.xml"/><Relationship Id="rId4" Type="http://schemas.openxmlformats.org/officeDocument/2006/relationships/worksheet" Target="worksheets/sheet3.xml"/><Relationship Id="rId5" Type="http://schemas.openxmlformats.org/officeDocument/2006/relationships/sharedStrings" Target="sharedStrings.xml"/>
</Relationships>
</file>

<file path=xl/drawings/drawing1.xml><?xml version="1.0" encoding="utf-8"?>
<xdr:wsDr xmlns:xdr="http://schemas.openxmlformats.org/drawingml/2006/spreadsheetDrawing" xmlns:a="http://schemas.openxmlformats.org/drawingml/2006/main" xmlns:r="http://schemas.openxmlformats.org/officeDocument/2006/relationships"/>
</file>

<file path=xl/worksheets/_rels/sheet3.xml.rels><?xml version="1.0" encoding="UTF-8"?>
<Relationships xmlns="http://schemas.openxmlformats.org/package/2006/relationships"><Relationship Id="rId1"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sheetPr filterMode="false">
    <pageSetUpPr fitToPage="false"/>
  </sheetPr>
  <dimension ref="A1:G24"/>
  <sheetViews>
    <sheetView windowProtection="false" showFormulas="false" showGridLines="false" showRowColHeaders="true" showZeros="true" rightToLeft="false" tabSelected="false" showOutlineSymbols="true" defaultGridColor="true" view="normal" topLeftCell="A1" colorId="64" zoomScale="80" zoomScaleNormal="80" zoomScalePageLayoutView="100" workbookViewId="0">
      <selection pane="topLeft" activeCell="G13" activeCellId="0" sqref="G13"/>
    </sheetView>
  </sheetViews>
  <sheetFormatPr defaultRowHeight="14.45"/>
  <cols>
    <col collapsed="false" hidden="false" max="1" min="1" style="0" width="46.1376518218624"/>
    <col collapsed="false" hidden="false" max="2" min="2" style="0" width="2.57085020242915"/>
    <col collapsed="false" hidden="false" max="3" min="3" style="0" width="41.4251012145749"/>
    <col collapsed="false" hidden="false" max="4" min="4" style="0" width="2.57085020242915"/>
    <col collapsed="false" hidden="false" max="5" min="5" style="0" width="41.4251012145749"/>
    <col collapsed="false" hidden="false" max="6" min="6" style="0" width="2.57085020242915"/>
    <col collapsed="false" hidden="false" max="7" min="7" style="0" width="45.4251012145749"/>
    <col collapsed="false" hidden="true" max="1025" min="8" style="0" width="0"/>
  </cols>
  <sheetData>
    <row r="1" customFormat="false" ht="15" hidden="false" customHeight="false" outlineLevel="0" collapsed="false">
      <c r="A1" s="1" t="s">
        <v>0</v>
      </c>
      <c r="C1" s="2" t="s">
        <v>1</v>
      </c>
      <c r="E1" s="3" t="s">
        <v>2</v>
      </c>
      <c r="G1" s="4" t="s">
        <v>3</v>
      </c>
    </row>
    <row r="2" customFormat="false" ht="15" hidden="false" customHeight="false" outlineLevel="0" collapsed="false">
      <c r="A2" s="0" t="s">
        <v>4</v>
      </c>
      <c r="C2" s="0" t="s">
        <v>4</v>
      </c>
      <c r="E2" s="0" t="s">
        <v>4</v>
      </c>
      <c r="G2" s="0" t="s">
        <v>4</v>
      </c>
    </row>
    <row r="3" customFormat="false" ht="15" hidden="false" customHeight="false" outlineLevel="0" collapsed="false">
      <c r="A3" s="0" t="s">
        <v>5</v>
      </c>
      <c r="C3" s="0" t="s">
        <v>6</v>
      </c>
      <c r="E3" s="0" t="s">
        <v>7</v>
      </c>
      <c r="G3" s="0" t="s">
        <v>5</v>
      </c>
    </row>
    <row r="4" customFormat="false" ht="15" hidden="false" customHeight="false" outlineLevel="0" collapsed="false">
      <c r="A4" s="0" t="s">
        <v>8</v>
      </c>
      <c r="C4" s="0" t="s">
        <v>7</v>
      </c>
      <c r="E4" s="0" t="s">
        <v>9</v>
      </c>
      <c r="G4" s="0" t="s">
        <v>8</v>
      </c>
    </row>
    <row r="5" customFormat="false" ht="15" hidden="false" customHeight="false" outlineLevel="0" collapsed="false">
      <c r="A5" s="0" t="s">
        <v>10</v>
      </c>
      <c r="C5" s="0" t="s">
        <v>11</v>
      </c>
      <c r="E5" s="0" t="s">
        <v>12</v>
      </c>
      <c r="G5" s="0" t="s">
        <v>13</v>
      </c>
    </row>
    <row r="6" customFormat="false" ht="15" hidden="false" customHeight="false" outlineLevel="0" collapsed="false">
      <c r="A6" s="0" t="s">
        <v>13</v>
      </c>
      <c r="C6" s="0" t="s">
        <v>12</v>
      </c>
      <c r="E6" s="0" t="s">
        <v>14</v>
      </c>
      <c r="G6" s="0" t="s">
        <v>15</v>
      </c>
    </row>
    <row r="7" customFormat="false" ht="15" hidden="false" customHeight="false" outlineLevel="0" collapsed="false">
      <c r="A7" s="0" t="s">
        <v>15</v>
      </c>
      <c r="C7" s="0" t="s">
        <v>14</v>
      </c>
      <c r="E7" s="0" t="s">
        <v>16</v>
      </c>
      <c r="G7" s="0" t="s">
        <v>17</v>
      </c>
    </row>
    <row r="8" customFormat="false" ht="15" hidden="false" customHeight="false" outlineLevel="0" collapsed="false">
      <c r="A8" s="0" t="s">
        <v>17</v>
      </c>
      <c r="C8" s="0" t="s">
        <v>9</v>
      </c>
      <c r="E8" s="0" t="s">
        <v>18</v>
      </c>
      <c r="G8" s="0" t="s">
        <v>19</v>
      </c>
    </row>
    <row r="9" customFormat="false" ht="15" hidden="false" customHeight="false" outlineLevel="0" collapsed="false">
      <c r="A9" s="0" t="s">
        <v>20</v>
      </c>
      <c r="C9" s="0" t="s">
        <v>16</v>
      </c>
      <c r="E9" s="0" t="s">
        <v>21</v>
      </c>
      <c r="G9" s="0" t="s">
        <v>22</v>
      </c>
    </row>
    <row r="10" customFormat="false" ht="15" hidden="false" customHeight="false" outlineLevel="0" collapsed="false">
      <c r="A10" s="0" t="s">
        <v>23</v>
      </c>
      <c r="C10" s="0" t="s">
        <v>24</v>
      </c>
      <c r="E10" s="0" t="s">
        <v>25</v>
      </c>
      <c r="G10" s="0" t="s">
        <v>26</v>
      </c>
    </row>
    <row r="11" customFormat="false" ht="15" hidden="false" customHeight="false" outlineLevel="0" collapsed="false">
      <c r="A11" s="0" t="s">
        <v>19</v>
      </c>
      <c r="C11" s="0" t="s">
        <v>18</v>
      </c>
      <c r="E11" s="0" t="s">
        <v>27</v>
      </c>
      <c r="G11" s="0" t="s">
        <v>28</v>
      </c>
    </row>
    <row r="12" customFormat="false" ht="15" hidden="false" customHeight="false" outlineLevel="0" collapsed="false">
      <c r="A12" s="0" t="s">
        <v>29</v>
      </c>
      <c r="C12" s="0" t="s">
        <v>29</v>
      </c>
      <c r="E12" s="0" t="s">
        <v>30</v>
      </c>
      <c r="G12" s="5"/>
    </row>
    <row r="13" customFormat="false" ht="15" hidden="false" customHeight="false" outlineLevel="0" collapsed="false">
      <c r="A13" s="0" t="s">
        <v>31</v>
      </c>
      <c r="C13" s="0" t="s">
        <v>32</v>
      </c>
      <c r="E13" s="0" t="s">
        <v>29</v>
      </c>
    </row>
    <row r="14" customFormat="false" ht="15" hidden="false" customHeight="false" outlineLevel="0" collapsed="false">
      <c r="A14" s="0" t="s">
        <v>22</v>
      </c>
      <c r="C14" s="0" t="s">
        <v>22</v>
      </c>
      <c r="E14" s="0" t="s">
        <v>32</v>
      </c>
    </row>
    <row r="15" customFormat="false" ht="15" hidden="false" customHeight="false" outlineLevel="0" collapsed="false">
      <c r="A15" s="0" t="s">
        <v>33</v>
      </c>
      <c r="C15" s="0" t="s">
        <v>27</v>
      </c>
      <c r="E15" s="0" t="s">
        <v>22</v>
      </c>
    </row>
    <row r="16" customFormat="false" ht="15" hidden="false" customHeight="false" outlineLevel="0" collapsed="false">
      <c r="A16" s="0" t="s">
        <v>27</v>
      </c>
      <c r="C16" s="0" t="s">
        <v>25</v>
      </c>
      <c r="E16" s="0" t="s">
        <v>34</v>
      </c>
    </row>
    <row r="17" customFormat="false" ht="15" hidden="false" customHeight="false" outlineLevel="0" collapsed="false">
      <c r="A17" s="0" t="s">
        <v>26</v>
      </c>
      <c r="C17" s="0" t="s">
        <v>30</v>
      </c>
      <c r="E17" s="0" t="s">
        <v>35</v>
      </c>
    </row>
    <row r="18" customFormat="false" ht="15" hidden="false" customHeight="false" outlineLevel="0" collapsed="false">
      <c r="A18" s="0" t="s">
        <v>28</v>
      </c>
      <c r="C18" s="0" t="s">
        <v>21</v>
      </c>
      <c r="E18" s="0" t="s">
        <v>26</v>
      </c>
    </row>
    <row r="19" customFormat="false" ht="15" hidden="false" customHeight="false" outlineLevel="0" collapsed="false">
      <c r="A19" s="6"/>
      <c r="C19" s="0" t="s">
        <v>34</v>
      </c>
      <c r="E19" s="7"/>
    </row>
    <row r="20" customFormat="false" ht="15" hidden="false" customHeight="false" outlineLevel="0" collapsed="false">
      <c r="C20" s="0" t="s">
        <v>36</v>
      </c>
    </row>
    <row r="21" customFormat="false" ht="15" hidden="false" customHeight="false" outlineLevel="0" collapsed="false">
      <c r="C21" s="0" t="s">
        <v>37</v>
      </c>
    </row>
    <row r="22" customFormat="false" ht="15" hidden="false" customHeight="false" outlineLevel="0" collapsed="false">
      <c r="C22" s="0" t="s">
        <v>35</v>
      </c>
    </row>
    <row r="23" customFormat="false" ht="15" hidden="false" customHeight="false" outlineLevel="0" collapsed="false">
      <c r="C23" s="0" t="s">
        <v>26</v>
      </c>
    </row>
    <row r="24" customFormat="false" ht="15" hidden="false" customHeight="false" outlineLevel="0" collapsed="false">
      <c r="C24" s="8"/>
    </row>
  </sheetData>
  <printOptions headings="false" gridLines="false" gridLinesSet="true" horizontalCentered="false" verticalCentered="false"/>
  <pageMargins left="0.7" right="0.7" top="0.75" bottom="0.75" header="0.511805555555555" footer="0.511805555555555"/>
  <pageSetup paperSize="9" scale="100" firstPageNumber="0" fitToWidth="1" fitToHeight="1" pageOrder="downThenOver" orientation="portrait" usePrinterDefaults="false" blackAndWhite="false" draft="false" cellComments="none" useFirstPageNumber="false" horizontalDpi="300" verticalDpi="300" copies="1"/>
  <headerFooter differentFirst="false" differentOddEven="false">
    <oddHeader/>
    <oddFooter/>
  </headerFooter>
</worksheet>
</file>

<file path=xl/worksheets/sheet2.xml><?xml version="1.0" encoding="utf-8"?>
<worksheet xmlns="http://schemas.openxmlformats.org/spreadsheetml/2006/main" xmlns:r="http://schemas.openxmlformats.org/officeDocument/2006/relationships">
  <sheetPr filterMode="false">
    <pageSetUpPr fitToPage="false"/>
  </sheetPr>
  <dimension ref="A1:A27"/>
  <sheetViews>
    <sheetView windowProtection="false" showFormulas="false" showGridLines="true" showRowColHeaders="true" showZeros="true" rightToLeft="false" tabSelected="false" showOutlineSymbols="true" defaultGridColor="true" view="normal" topLeftCell="A1" colorId="64" zoomScale="80" zoomScaleNormal="80" zoomScalePageLayoutView="100" workbookViewId="0">
      <selection pane="topLeft" activeCell="A5" activeCellId="0" sqref="A5"/>
    </sheetView>
  </sheetViews>
  <sheetFormatPr defaultRowHeight="14.45"/>
  <cols>
    <col collapsed="false" hidden="false" max="1" min="1" style="0" width="33.5708502024291"/>
    <col collapsed="false" hidden="true" max="1025" min="2" style="0" width="0"/>
  </cols>
  <sheetData>
    <row r="1" customFormat="false" ht="15" hidden="false" customHeight="false" outlineLevel="0" collapsed="false">
      <c r="A1" s="2" t="s">
        <v>38</v>
      </c>
    </row>
    <row r="2" customFormat="false" ht="15" hidden="false" customHeight="false" outlineLevel="0" collapsed="false">
      <c r="A2" s="9" t="s">
        <v>39</v>
      </c>
    </row>
    <row r="3" customFormat="false" ht="15" hidden="false" customHeight="false" outlineLevel="0" collapsed="false">
      <c r="A3" s="9" t="s">
        <v>40</v>
      </c>
    </row>
    <row r="4" customFormat="false" ht="15" hidden="false" customHeight="false" outlineLevel="0" collapsed="false">
      <c r="A4" s="9" t="s">
        <v>41</v>
      </c>
    </row>
    <row r="5" customFormat="false" ht="15" hidden="false" customHeight="false" outlineLevel="0" collapsed="false">
      <c r="A5" s="9" t="s">
        <v>42</v>
      </c>
    </row>
    <row r="6" customFormat="false" ht="15" hidden="false" customHeight="false" outlineLevel="0" collapsed="false">
      <c r="A6" s="9" t="s">
        <v>43</v>
      </c>
    </row>
    <row r="7" customFormat="false" ht="15" hidden="false" customHeight="false" outlineLevel="0" collapsed="false">
      <c r="A7" s="9" t="s">
        <v>44</v>
      </c>
    </row>
    <row r="8" customFormat="false" ht="15" hidden="false" customHeight="false" outlineLevel="0" collapsed="false">
      <c r="A8" s="9" t="s">
        <v>45</v>
      </c>
    </row>
    <row r="9" customFormat="false" ht="15" hidden="false" customHeight="false" outlineLevel="0" collapsed="false">
      <c r="A9" s="9" t="s">
        <v>46</v>
      </c>
    </row>
    <row r="10" customFormat="false" ht="15" hidden="false" customHeight="false" outlineLevel="0" collapsed="false">
      <c r="A10" s="9" t="s">
        <v>47</v>
      </c>
    </row>
    <row r="11" customFormat="false" ht="15" hidden="false" customHeight="false" outlineLevel="0" collapsed="false">
      <c r="A11" s="9" t="s">
        <v>48</v>
      </c>
    </row>
    <row r="12" customFormat="false" ht="15" hidden="false" customHeight="false" outlineLevel="0" collapsed="false">
      <c r="A12" s="10" t="s">
        <v>49</v>
      </c>
    </row>
    <row r="13" customFormat="false" ht="15" hidden="false" customHeight="false" outlineLevel="0" collapsed="false">
      <c r="A13" s="10" t="s">
        <v>50</v>
      </c>
    </row>
    <row r="14" customFormat="false" ht="15" hidden="false" customHeight="false" outlineLevel="0" collapsed="false">
      <c r="A14" s="10" t="s">
        <v>51</v>
      </c>
    </row>
    <row r="15" customFormat="false" ht="15" hidden="false" customHeight="false" outlineLevel="0" collapsed="false">
      <c r="A15" s="10" t="s">
        <v>52</v>
      </c>
    </row>
    <row r="16" customFormat="false" ht="15" hidden="false" customHeight="false" outlineLevel="0" collapsed="false">
      <c r="A16" s="11" t="s">
        <v>53</v>
      </c>
    </row>
    <row r="17" customFormat="false" ht="15" hidden="false" customHeight="false" outlineLevel="0" collapsed="false">
      <c r="A17" s="11" t="s">
        <v>54</v>
      </c>
    </row>
    <row r="18" customFormat="false" ht="15" hidden="false" customHeight="false" outlineLevel="0" collapsed="false">
      <c r="A18" s="11" t="s">
        <v>55</v>
      </c>
    </row>
    <row r="19" customFormat="false" ht="15" hidden="false" customHeight="false" outlineLevel="0" collapsed="false">
      <c r="A19" s="11" t="s">
        <v>56</v>
      </c>
    </row>
    <row r="20" customFormat="false" ht="15" hidden="false" customHeight="false" outlineLevel="0" collapsed="false">
      <c r="A20" s="11" t="s">
        <v>57</v>
      </c>
    </row>
    <row r="21" customFormat="false" ht="15" hidden="false" customHeight="false" outlineLevel="0" collapsed="false">
      <c r="A21" s="11" t="s">
        <v>58</v>
      </c>
    </row>
    <row r="22" customFormat="false" ht="15" hidden="false" customHeight="false" outlineLevel="0" collapsed="false">
      <c r="A22" s="11" t="s">
        <v>59</v>
      </c>
    </row>
    <row r="23" customFormat="false" ht="15" hidden="false" customHeight="false" outlineLevel="0" collapsed="false">
      <c r="A23" s="11" t="s">
        <v>60</v>
      </c>
    </row>
    <row r="24" customFormat="false" ht="15" hidden="false" customHeight="false" outlineLevel="0" collapsed="false">
      <c r="A24" s="11" t="s">
        <v>61</v>
      </c>
    </row>
    <row r="25" customFormat="false" ht="15" hidden="false" customHeight="false" outlineLevel="0" collapsed="false">
      <c r="A25" s="2" t="s">
        <v>62</v>
      </c>
    </row>
    <row r="26" customFormat="false" ht="15" hidden="false" customHeight="false" outlineLevel="0" collapsed="false">
      <c r="A26" s="12" t="s">
        <v>63</v>
      </c>
    </row>
    <row r="27" customFormat="false" ht="15" hidden="false" customHeight="false" outlineLevel="0" collapsed="false">
      <c r="A27" s="12" t="s">
        <v>64</v>
      </c>
    </row>
  </sheetData>
  <printOptions headings="false" gridLines="false" gridLinesSet="true" horizontalCentered="false" verticalCentered="false"/>
  <pageMargins left="0.7" right="0.7" top="0.75" bottom="0.75" header="0.511805555555555" footer="0.511805555555555"/>
  <pageSetup paperSize="9" scale="100" firstPageNumber="0" fitToWidth="1" fitToHeight="1" pageOrder="downThenOver" orientation="portrait" usePrinterDefaults="false" blackAndWhite="false" draft="false" cellComments="none" useFirstPageNumber="false" horizontalDpi="300" verticalDpi="300" copies="1"/>
  <headerFooter differentFirst="false" differentOddEven="false">
    <oddHeader/>
    <oddFooter/>
  </headerFooter>
</worksheet>
</file>

<file path=docProps/app.xml><?xml version="1.0" encoding="utf-8"?>
<Properties xmlns="http://schemas.openxmlformats.org/officeDocument/2006/extended-properties" xmlns:vt="http://schemas.openxmlformats.org/officeDocument/2006/docPropsVTypes">
  <TotalTime>0</TotalTime>
  <Application>LibreOffice/4.2.8.2$Linux_X86_64 LibreOffice_project/420m0$Build-2</Applicat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4-02-20T06:19:39Z</dcterms:created>
  <dc:creator>Pravin Goyal</dc:creator>
  <dc:language>en-IN</dc:language>
  <cp:lastModifiedBy>User</cp:lastModifiedBy>
  <dcterms:modified xsi:type="dcterms:W3CDTF">2015-10-15T09:15:14Z</dcterms:modified>
  <cp:revision>0</cp:revision>
</cp:coreProperties>
</file>